
<file path=[Content_Types].xml><?xml version="1.0" encoding="utf-8"?>
<Types xmlns="http://schemas.openxmlformats.org/package/2006/content-type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threadedComments/threadedComment1.xml" ContentType="application/vnd.ms-excel.threadedcomments+xml"/>
  <Override PartName="/xl/persons/person.xml" ContentType="application/vnd.ms-excel.perso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328"/>
  <workbookPr/>
  <mc:AlternateContent xmlns:mc="http://schemas.openxmlformats.org/markup-compatibility/2006">
    <mc:Choice Requires="x15">
      <x15ac:absPath xmlns:x15ac="http://schemas.microsoft.com/office/spreadsheetml/2010/11/ac" url="P:\Users\i048776\Downloads\"/>
    </mc:Choice>
  </mc:AlternateContent>
  <xr:revisionPtr revIDLastSave="0" documentId="13_ncr:1_{EABF7B8A-B0B8-4CFF-8971-5C80DF37C302}" xr6:coauthVersionLast="47" xr6:coauthVersionMax="47" xr10:uidLastSave="{00000000-0000-0000-0000-000000000000}"/>
  <bookViews>
    <workbookView xWindow="-120" yWindow="-120" windowWidth="29040" windowHeight="15720" xr2:uid="{70D983BE-7E68-4628-A0E0-731205E46B1E}"/>
  </bookViews>
  <sheets>
    <sheet name="授業履修型" sheetId="1" r:id="rId1"/>
  </sheets>
  <definedNames>
    <definedName name="_xlnm._FilterDatabase" localSheetId="0" hidden="1">授業履修型!$A$3:$FR$16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tc={FFDE93A8-2F1B-45AB-9948-D261DD068A38}</author>
    <author>tc={C3AB7234-DDA1-4BE9-B607-93AE3185E7E4}</author>
    <author>tc={34D49BFC-0A49-4E25-BD6A-B58956882F62}</author>
    <author>tc={9767959F-40AD-44DA-B709-624C5E952BAD}</author>
    <author>tc={EA7E2CE2-66B7-4CA7-88B2-A9E44EC6FDA5}</author>
    <author>tc={DDFB4D3D-0A5A-4136-B109-41749E2CA981}</author>
    <author>tc={EF0AB99C-3291-4BBF-9BE7-83711C7F3915}</author>
    <author>tc={2E8FE39E-ECCE-458B-8271-C2891597FDFE}</author>
    <author>tc={34450B5C-6FF5-480F-B02F-C2803896B639}</author>
    <author>tc={EB3EA0A3-3F8D-4E42-AD9D-5805495FA25B}</author>
    <author>tc={056D3ED0-28EF-43C3-B86B-C7726381727E}</author>
    <author>tc={4F6481F9-1D10-496D-8EE2-B87B3586299D}</author>
    <author>tc={A04DB4E4-1C4C-40FE-9A4F-FE024A518821}</author>
    <author>tc={E9A847A4-9302-4AF5-89A3-81BE31F93CFC}</author>
    <author>tc={9D958253-85A3-4C7F-B6F8-97FE2966B8DD}</author>
    <author>tc={8F9F505D-4A26-4D9D-BE60-A84799384A1F}</author>
    <author>tc={4055CF93-F5AD-4962-8179-19A20F6287DB}</author>
    <author>tc={7EFA64BB-F73B-4E8B-A89E-112D2B7867E9}</author>
    <author>岡田　暢子</author>
  </authors>
  <commentList>
    <comment ref="Q3" authorId="0" shapeId="0" xr:uid="{FFDE93A8-2F1B-45AB-9948-D261DD068A38}">
      <text>
        <t>[スレッド化されたコメント]
使用している Excel のバージョンでは、このスレッド化されたコメントを表示できますが、新しいバージョンの Excel でファイルを開いた場合はコメントに対する編集がすべて削除されます。詳細: https://go.microsoft.com/fwlink/?linkid=870924
コメント:
    不要となっている場合も、いずれ提出が求められる可能性があることや、授業についていくために、語学基準を最低満たしておくのがおすすめ
必要となっている場合、スコアは出願までに必要だが、学内エントリーから出願まで時間がないため、なるべく学内エントリーまでに取得しておくのがおすすめ</t>
      </text>
    </comment>
    <comment ref="AR70" authorId="1" shapeId="0" xr:uid="{C3AB7234-DDA1-4BE9-B607-93AE3185E7E4}">
      <text>
        <t>[スレッド化されたコメント]
使用している Excel のバージョンでは、このスレッド化されたコメントを表示できますが、新しいバージョンの Excel でファイルを開いた場合はコメントに対する編集がすべて削除されます。詳細: https://go.microsoft.com/fwlink/?linkid=870924
コメント:
    We have some English-taught courses in every department, and the offerings change every semester. Normally, students take 1-2 courses related to their majors and then select other courses from different areas.
For graduate students (Master's and Doctoral programs), obtaining permission from the department office is required. Additionally, students may need to take a combination of undergraduate-level and graduate-level courses, as there are not enough English-taught courses available at the graduate level.</t>
      </text>
    </comment>
    <comment ref="F97" authorId="2" shapeId="0" xr:uid="{34D49BFC-0A49-4E25-BD6A-B58956882F62}">
      <text>
        <t>[スレッド化されたコメント]
使用している Excel のバージョンでは、このスレッド化されたコメントを表示できますが、新しいバージョンの Excel でファイルを開いた場合はコメントに対する編集がすべて削除されます。詳細: https://go.microsoft.com/fwlink/?linkid=870924
コメント:
    春学期には枠数が残っていない可能性あり</t>
      </text>
    </comment>
    <comment ref="AR98" authorId="3" shapeId="0" xr:uid="{9767959F-40AD-44DA-B709-624C5E952BAD}">
      <text>
        <t>[スレッド化されたコメント]
使用している Excel のバージョンでは、このスレッド化されたコメントを表示できますが、新しいバージョンの Excel でファイルを開いた場合はコメントに対する編集がすべて削除されます。詳細: https://go.microsoft.com/fwlink/?linkid=870924
コメント:
    科目がパッケージ化されておりパッケージ内の全科目を履修する必要がある
パッケージ内の科目は分野横断的なので、本学での所属学部・専攻により近いものを選ぶ</t>
      </text>
    </comment>
    <comment ref="F102" authorId="4" shapeId="0" xr:uid="{EA7E2CE2-66B7-4CA7-88B2-A9E44EC6FDA5}">
      <text>
        <t>[スレッド化されたコメント]
使用している Excel のバージョンでは、このスレッド化されたコメントを表示できますが、新しいバージョンの Excel でファイルを開いた場合はコメントに対する編集がすべて削除されます。詳細: https://go.microsoft.com/fwlink/?linkid=870924
コメント:
    年によって春学期には枠数が残っていない可能性あり</t>
      </text>
    </comment>
    <comment ref="F104" authorId="5" shapeId="0" xr:uid="{DDFB4D3D-0A5A-4136-B109-41749E2CA981}">
      <text>
        <t>[スレッド化されたコメント]
使用している Excel のバージョンでは、このスレッド化されたコメントを表示できますが、新しいバージョンの Excel でファイルを開いた場合はコメントに対する編集がすべて削除されます。詳細: https://go.microsoft.com/fwlink/?linkid=870924
コメント:
    春学期には枠数が残っていない可能性あり
1セメスターのみ留学可能</t>
      </text>
    </comment>
    <comment ref="F105" authorId="6" shapeId="0" xr:uid="{EF0AB99C-3291-4BBF-9BE7-83711C7F3915}">
      <text>
        <t>[スレッド化されたコメント]
使用している Excel のバージョンでは、このスレッド化されたコメントを表示できますが、新しいバージョンの Excel でファイルを開いた場合はコメントに対する編集がすべて削除されます。詳細: https://go.microsoft.com/fwlink/?linkid=870924
コメント:
    年によって春学期には枠数が残っていない可能性あり</t>
      </text>
    </comment>
    <comment ref="AD105" authorId="7" shapeId="0" xr:uid="{2E8FE39E-ECCE-458B-8271-C2891597FDFE}">
      <text>
        <t>[スレッド化されたコメント]
使用している Excel のバージョンでは、このスレッド化されたコメントを表示できますが、新しいバージョンの Excel でファイルを開いた場合はコメントに対する編集がすべて削除されます。詳細: https://go.microsoft.com/fwlink/?linkid=870924
コメント:
    学部生でも履修可能だが、授業内容の難易度やグループワークがあることから、大学院生推奨</t>
      </text>
    </comment>
    <comment ref="F108" authorId="8" shapeId="0" xr:uid="{34450B5C-6FF5-480F-B02F-C2803896B639}">
      <text>
        <t>[スレッド化されたコメント]
使用している Excel のバージョンでは、このスレッド化されたコメントを表示できますが、新しいバージョンの Excel でファイルを開いた場合はコメントに対する編集がすべて削除されます。詳細: https://go.microsoft.com/fwlink/?linkid=870924
コメント:
    旧：コペンハーゲン・スクール・オブ・デザイン&amp;テクノロジー</t>
      </text>
    </comment>
    <comment ref="G108" authorId="9" shapeId="0" xr:uid="{EB3EA0A3-3F8D-4E42-AD9D-5805495FA25B}">
      <text>
        <t>[スレッド化されたコメント]
使用している Excel のバージョンでは、このスレッド化されたコメントを表示できますが、新しいバージョンの Excel でファイルを開いた場合はコメントに対する編集がすべて削除されます。詳細: https://go.microsoft.com/fwlink/?linkid=870924
コメント:
    旧：KEA - Copenhagen School of Design and Technology</t>
      </text>
    </comment>
    <comment ref="Q108" authorId="10" shapeId="0" xr:uid="{056D3ED0-28EF-43C3-B86B-C7726381727E}">
      <text>
        <t>[スレッド化されたコメント]
使用している Excel のバージョンでは、このスレッド化されたコメントを表示できますが、新しいバージョンの Excel でファイルを開いた場合はコメントに対する編集がすべて削除されます。詳細: https://go.microsoft.com/fwlink/?linkid=870924
コメント:
    TOEFL iBTまたはIELTSにてCEFR B2以上のスコアを学内エントリー時に提出。また、出願時に先方国際部担当者とのオンライン面談あり。（面談結果によっては不受理の可能性あり）</t>
      </text>
    </comment>
    <comment ref="W123" authorId="11" shapeId="0" xr:uid="{4F6481F9-1D10-496D-8EE2-B87B3586299D}">
      <text>
        <t xml:space="preserve">[スレッド化されたコメント]
使用している Excel のバージョンでは、このスレッド化されたコメントを表示できますが、新しいバージョンの Excel でファイルを開いた場合はコメントに対する編集がすべて削除されます。詳細: https://go.microsoft.com/fwlink/?linkid=870924
コメント:
    Postgraduate (doctoral) students' participation is also possible but may be subject to specific procedure and is negotiated on a case by case basis. </t>
      </text>
    </comment>
    <comment ref="AR123" authorId="12" shapeId="0" xr:uid="{A04DB4E4-1C4C-40FE-9A4F-FE024A518821}">
      <text>
        <t xml:space="preserve">[スレッド化されたコメント]
使用している Excel のバージョンでは、このスレッド化されたコメントを表示できますが、新しいバージョンの Excel でファイルを開いた場合はコメントに対する編集がすべて削除されます。詳細: https://go.microsoft.com/fwlink/?linkid=870924
コメント:
    Exchange students follow the same courses as degree students. Large number of master level courses are taught in English. Bachelor level students are allowed to take master level courses provided that prerequisites are met.
</t>
      </text>
    </comment>
    <comment ref="AR140" authorId="13" shapeId="0" xr:uid="{E9A847A4-9302-4AF5-89A3-81BE31F93CFC}">
      <text>
        <t>[スレッド化されたコメント]
使用している Excel のバージョンでは、このスレッド化されたコメントを表示できますが、新しいバージョンの Excel でファイルを開いた場合はコメントに対する編集がすべて削除されます。詳細: https://go.microsoft.com/fwlink/?linkid=870924
コメント:
    ポーランド語で授業が開講される可能性があるため、留学先の授業担当教員や国際部コーディネーターに要相談</t>
      </text>
    </comment>
    <comment ref="AW161" authorId="14" shapeId="0" xr:uid="{9D958253-85A3-4C7F-B6F8-97FE2966B8DD}">
      <text>
        <t xml:space="preserve">[スレッド化されたコメント]
使用している Excel のバージョンでは、このスレッド化されたコメントを表示できますが、新しいバージョンの Excel でファイルを開いた場合はコメントに対する編集がすべて削除されます。詳細: https://go.microsoft.com/fwlink/?linkid=870924
コメント:
    Academic Study Abroad Programs (ASAP)
ASAP General Track
https://ce.uci.edu/student-resources/academic-records/academic-calendar 
https://ce.uci.edu/student-resources/international/payment-policies-fees-deadlines </t>
      </text>
    </comment>
    <comment ref="AX161" authorId="15" shapeId="0" xr:uid="{8F9F505D-4A26-4D9D-BE60-A84799384A1F}">
      <text>
        <t xml:space="preserve">[スレッド化されたコメント]
使用している Excel のバージョンでは、このスレッド化されたコメントを表示できますが、新しいバージョンの Excel でファイルを開いた場合はコメントに対する編集がすべて削除されます。詳細: https://go.microsoft.com/fwlink/?linkid=870924
コメント:
    Academic Study Abroad Programs (ASAP)
ASAP General Track
https://ce.uci.edu/student-resources/academic-records/academic-calendar 
https://ce.uci.edu/student-resources/international/payment-policies-fees-deadlines </t>
      </text>
    </comment>
    <comment ref="AY161" authorId="16" shapeId="0" xr:uid="{4055CF93-F5AD-4962-8179-19A20F6287DB}">
      <text>
        <t xml:space="preserve">[スレッド化されたコメント]
使用している Excel のバージョンでは、このスレッド化されたコメントを表示できますが、新しいバージョンの Excel でファイルを開いた場合はコメントに対する編集がすべて削除されます。詳細: https://go.microsoft.com/fwlink/?linkid=870924
コメント:
    Academic Study Abroad Programs (ASAP)
ASAP General Track
https://ce.uci.edu/student-resources/academic-records/academic-calendar 
https://ce.uci.edu/student-resources/international/payment-policies-fees-deadlines </t>
      </text>
    </comment>
    <comment ref="AZ161" authorId="17" shapeId="0" xr:uid="{7EFA64BB-F73B-4E8B-A89E-112D2B7867E9}">
      <text>
        <t xml:space="preserve">[スレッド化されたコメント]
使用している Excel のバージョンでは、このスレッド化されたコメントを表示できますが、新しいバージョンの Excel でファイルを開いた場合はコメントに対する編集がすべて削除されます。詳細: https://go.microsoft.com/fwlink/?linkid=870924
コメント:
    Academic Study Abroad Programs (ASAP)
ASAP General Track
https://ce.uci.edu/student-resources/academic-records/academic-calendar 
https://ce.uci.edu/student-resources/international/payment-policies-fees-deadlines </t>
      </text>
    </comment>
    <comment ref="F164" authorId="18" shapeId="0" xr:uid="{7F0AB5FE-24EB-41C7-96A2-6409F5D52E3A}">
      <text>
        <r>
          <rPr>
            <b/>
            <sz val="9"/>
            <color indexed="81"/>
            <rFont val="MS P ゴシック"/>
            <family val="3"/>
            <charset val="128"/>
          </rPr>
          <t>※枠が残っていないため、2026年秋渡航では出願できません。</t>
        </r>
        <r>
          <rPr>
            <sz val="9"/>
            <color indexed="81"/>
            <rFont val="MS P ゴシック"/>
            <family val="3"/>
            <charset val="128"/>
          </rPr>
          <t xml:space="preserve">
</t>
        </r>
      </text>
    </comment>
  </commentList>
</comments>
</file>

<file path=xl/sharedStrings.xml><?xml version="1.0" encoding="utf-8"?>
<sst xmlns="http://schemas.openxmlformats.org/spreadsheetml/2006/main" count="7019" uniqueCount="1958">
  <si>
    <r>
      <rPr>
        <b/>
        <sz val="10"/>
        <color rgb="FF000000"/>
        <rFont val="MS UI Gothic"/>
        <family val="3"/>
        <charset val="128"/>
      </rPr>
      <t>交換留学（授業履修型）対象校リスト　</t>
    </r>
    <r>
      <rPr>
        <sz val="10"/>
        <color rgb="FFFF0000"/>
        <rFont val="MS UI Gothic"/>
        <family val="3"/>
        <charset val="128"/>
      </rPr>
      <t xml:space="preserve">
最初に必ずお読み下さい。
</t>
    </r>
    <r>
      <rPr>
        <sz val="10"/>
        <color rgb="FF000000"/>
        <rFont val="MS UI Gothic"/>
        <family val="3"/>
        <charset val="128"/>
      </rPr>
      <t>本資料は、本学の協定校のうち「交換留学協定を締結している協定校」および「包括的な交流協定を締結している協定校」に対して交換留学制度に関するアンケートを実施し、「専門科目を英語で開講している」と回答があった協定校についてその回答内容をまとめたものです。
このリストは、必要な英語力、開講分野、費用面の情報について、国際部が協定校にヒアリングした結果をまとめたものです。
留学先候補をリストアップする際に参考にしてください。
・ただし希望先を最終的に決める時には、協定校の公式ウェブサイトを必ず確認し、最新の公式情報を入手してください。
・本リストと協定校の公式ウェブサイトの内容に相違があった場合は「協定校の公式ウェブサイト」が最新・正規情報となります。
・協定校の公式ウェブサイトを確認することなしに留学希望先を決めることは絶対にしないでください。
・なお、協定校のウェブサイトで特に注意して確認するべきポイントは以下の３つです。</t>
    </r>
    <phoneticPr fontId="5"/>
  </si>
  <si>
    <t>（１）協定校受入基準
特に語学力と学業成績については、協定校への出願時にスコアレポートや成績証明書の提出を求められる場合があります。
出願手続きのページも併せて確認し、必要な場合は試験を受けて必要なスコアを取得しておいてください。なお、特に記載がない場合であっても、英語で授業を履修する性質上、一定以上の語学力が前提となっていることにご注意下さい。
（２）授業科目の開講状況
自分が履修したい授業が自分の留学期に開講されているかどうか科目リストやシラバスで確認してください。なお、履修科目を決める際は教員とよく相談してください。また、事前に開講すると記載されていた科目であっても、協定校の事情で開講されなくなることもあり得るため、多少ゆとりのある履修計画を立てることをお勧めします。
（３）協定校に支払う費用について
授業料（Tuition fee）については多くの協定校で免除になりますが、その他の費用として「Registarion fee」「Facility fee」「Student Service fee」等が発生するのが一般的です。
円換算で数千円～数万円程度であることが一般的ですが、米国の場合は高額な場合もあります。協定校ウェブサイトでよく確認してください。
・体験談や協定校紹介コンテンツも参考にしてください。
https://www.shibaura-it.ac.jp/global/dispatch/report.html</t>
    <phoneticPr fontId="5"/>
  </si>
  <si>
    <t>基本情報</t>
  </si>
  <si>
    <t>協定校が定める語学力・GPA等基準</t>
    <phoneticPr fontId="5"/>
  </si>
  <si>
    <t>要確認</t>
  </si>
  <si>
    <t>対象学生</t>
  </si>
  <si>
    <t>英語開講科目情報（学部）</t>
  </si>
  <si>
    <t>英語開講科目情報（大学院）</t>
  </si>
  <si>
    <t>費用関係</t>
  </si>
  <si>
    <t>宿泊関係</t>
  </si>
  <si>
    <t>ノミネーション・出願期日</t>
  </si>
  <si>
    <t>調査年度</t>
    <phoneticPr fontId="5"/>
  </si>
  <si>
    <t>協定校
コード</t>
    <phoneticPr fontId="5"/>
  </si>
  <si>
    <t>エリア</t>
  </si>
  <si>
    <t>国</t>
  </si>
  <si>
    <t>都市</t>
  </si>
  <si>
    <t>協定校名</t>
  </si>
  <si>
    <t>協定校名(英語）</t>
  </si>
  <si>
    <t>交換留学関連URL</t>
  </si>
  <si>
    <t>コンタクトパーソンの連絡先</t>
  </si>
  <si>
    <t>TOEFL</t>
  </si>
  <si>
    <t>IELTS</t>
  </si>
  <si>
    <t>TOEIC</t>
  </si>
  <si>
    <t>CEFR</t>
  </si>
  <si>
    <t>語学基準補足</t>
    <phoneticPr fontId="5"/>
  </si>
  <si>
    <t>英語以外の語学力基準補足(2024/10分から追加)</t>
    <phoneticPr fontId="5"/>
  </si>
  <si>
    <t>GPA等、協定校が定める成績基準（日本と同一のGPA基準でないこともあります。）</t>
  </si>
  <si>
    <t>語学テストスコアの提出</t>
    <phoneticPr fontId="5"/>
  </si>
  <si>
    <t>英語以外の語学テストスコアの提出(2024/10分から追加)</t>
    <phoneticPr fontId="5"/>
  </si>
  <si>
    <t>英語以外で実施される授業(2024/10分から追加)</t>
    <phoneticPr fontId="5"/>
  </si>
  <si>
    <t>Undergraduate 3rd year</t>
  </si>
  <si>
    <t>Undergraduate 4th year</t>
  </si>
  <si>
    <t>Graduate students (Master students)</t>
  </si>
  <si>
    <t>Graduate students (Doctor students)</t>
  </si>
  <si>
    <t>Mechanical engineering</t>
  </si>
  <si>
    <t>Life Science</t>
  </si>
  <si>
    <t>Material ＆ Chemistry</t>
  </si>
  <si>
    <t>Electrical Engineering</t>
  </si>
  <si>
    <t>Electronic Engineering</t>
  </si>
  <si>
    <t>Computer Science, ICT</t>
  </si>
  <si>
    <t>Architecture</t>
  </si>
  <si>
    <t>Civil Engineering</t>
  </si>
  <si>
    <t>Mathematics</t>
  </si>
  <si>
    <t>Design Engineering</t>
  </si>
  <si>
    <t>Computer ScienceICT</t>
  </si>
  <si>
    <t>科目リスト、シラバス等</t>
    <phoneticPr fontId="5"/>
  </si>
  <si>
    <t>協定校に対して授業料を払う必要があるか</t>
  </si>
  <si>
    <t>授業料/その他に協定校に支払う費用（登録料、施設使用料等）が100ドル相当以上の場合はその概算情報</t>
  </si>
  <si>
    <t>宿泊施設は確約されているか</t>
    <phoneticPr fontId="5"/>
  </si>
  <si>
    <t>宿泊先参考リスト</t>
  </si>
  <si>
    <t>Nomination period for Spring semester</t>
  </si>
  <si>
    <t>Application period for Spring semester</t>
    <phoneticPr fontId="5"/>
  </si>
  <si>
    <t>Nomination period for Fall semester</t>
  </si>
  <si>
    <t>Application period for Fall semester</t>
    <phoneticPr fontId="5"/>
  </si>
  <si>
    <t>欧州</t>
  </si>
  <si>
    <t>フランス</t>
  </si>
  <si>
    <t>複数キャンパス</t>
  </si>
  <si>
    <t>CESI School of Engineering</t>
  </si>
  <si>
    <t>https://www.cesi.fr/wp-content/uploads/2023/07/FACT-SHEET-Semestres-dechange.pdf</t>
  </si>
  <si>
    <t>relationsinternationales@cesi.fr</t>
  </si>
  <si>
    <t>Equivalent to B2 according to CEFR. 6.5  IELTS 80 TOEFL</t>
  </si>
  <si>
    <t>French suggested (A2) but not required</t>
  </si>
  <si>
    <t>No</t>
  </si>
  <si>
    <t>No, however, SIT students need to submit an English Proficiency Certificate issued by SIT</t>
    <phoneticPr fontId="5"/>
  </si>
  <si>
    <t>不要</t>
  </si>
  <si>
    <t>○</t>
  </si>
  <si>
    <t>〇</t>
  </si>
  <si>
    <t/>
  </si>
  <si>
    <t>〇</t>
    <phoneticPr fontId="5"/>
  </si>
  <si>
    <t>https://cesi-spr.notion.site/2024-25-Spring-semesters-0650c8cb9a334f149d33155120b39229</t>
  </si>
  <si>
    <t>n/a</t>
  </si>
  <si>
    <t>学生寮へ申込可能（保証はされません）</t>
    <rPh sb="9" eb="11">
      <t>ホショウ</t>
    </rPh>
    <phoneticPr fontId="5"/>
  </si>
  <si>
    <t>Accomodation platofm suggested</t>
    <phoneticPr fontId="5"/>
  </si>
  <si>
    <t>Early October Official communication coming soon</t>
  </si>
  <si>
    <t>Early November Official communication coming soon</t>
  </si>
  <si>
    <t>Early April</t>
  </si>
  <si>
    <t>Early May</t>
  </si>
  <si>
    <t>ドイツ</t>
  </si>
  <si>
    <t>Clausthal-Zellerfeld</t>
  </si>
  <si>
    <t>クロースタル工科大学</t>
  </si>
  <si>
    <t>Clausthal University of Technology</t>
  </si>
  <si>
    <t>https://www.izc.tu-clausthal.de/en/ways-to-tu-clausthal/incoming-worldwide</t>
  </si>
  <si>
    <t>bettina.sekler@tu-clausthal.de</t>
  </si>
  <si>
    <t xml:space="preserve">85 (TOEFL iBT)
</t>
  </si>
  <si>
    <t xml:space="preserve">6.5 (IELTS)
</t>
  </si>
  <si>
    <t xml:space="preserve">Listening/Reading: 865
Speaking: 170
Writing: 165 
</t>
  </si>
  <si>
    <t>B2</t>
  </si>
  <si>
    <t>CEFR (Common European Framework of Reference for Languages)</t>
  </si>
  <si>
    <t>For classes conducted in German, students are required to prove a minimum of B2 (CEFR) proficiency.</t>
  </si>
  <si>
    <t>必要</t>
    <rPh sb="0" eb="2">
      <t>ヒツヨウ</t>
    </rPh>
    <phoneticPr fontId="5"/>
  </si>
  <si>
    <t>必要</t>
  </si>
  <si>
    <t xml:space="preserve">SIT exchange students are welcome to join a German Language Course prior or during a semester.
https://www.izc.tu-clausthal.de/en/language-center/german
</t>
  </si>
  <si>
    <t>https://qis.tuc.hispro.de/qisserver/rds?state=change&amp;type=5&amp;moduleParameter=veranstaltungSearch&amp;nextdir=change&amp;next=search.vm&amp;subdir=veranstaltung&amp;_form=display&amp;function=search&amp;clean=y&amp;category=veranstaltung.search&amp;navigationPosition=lectures%2Csearch&amp;breadcrumb=searchLectures&amp;topitem=lectures&amp;subitem=search&amp;noDBAction=y&amp;init=y</t>
  </si>
  <si>
    <t>Currently 155 € (roughly 182 USD) per semester as an administrative fee.</t>
  </si>
  <si>
    <t>https://stw-on.de/en/clausthal-zellerfeld/housing</t>
  </si>
  <si>
    <t>October 15</t>
  </si>
  <si>
    <t>May 15</t>
  </si>
  <si>
    <t>Aubière</t>
  </si>
  <si>
    <t>クレルモン工科大学</t>
  </si>
  <si>
    <t>Clermont Auvergne INP (Institute of Technology)</t>
  </si>
  <si>
    <t>https://www.clermont-auvergne-inp.fr/en/</t>
  </si>
  <si>
    <t>国際部に確認</t>
    <phoneticPr fontId="5"/>
  </si>
  <si>
    <t>B1-B2</t>
  </si>
  <si>
    <t>English B1+ is acceptable but B2 would be recommended</t>
  </si>
  <si>
    <t>French B2, if they want to follow courses in French</t>
  </si>
  <si>
    <t>No GP required</t>
  </si>
  <si>
    <t>不要(語学力証明書は必要)</t>
    <rPh sb="0" eb="2">
      <t>フヨウ</t>
    </rPh>
    <rPh sb="3" eb="9">
      <t>ゴガクリョクショウメイショ</t>
    </rPh>
    <rPh sb="10" eb="12">
      <t>ヒツヨウ</t>
    </rPh>
    <phoneticPr fontId="5"/>
  </si>
  <si>
    <t>https://www.clermont-auvergne-inp.fr/wp-content/uploads/2024/04/Course-list-English-AY-2024-25.pdf</t>
  </si>
  <si>
    <t>学生寮確約</t>
  </si>
  <si>
    <t>https://www.clermont-auvergne-inp.fr/en/campus-life/student-services/</t>
  </si>
  <si>
    <t>November 1st</t>
  </si>
  <si>
    <t>November 15th</t>
  </si>
  <si>
    <t>May 15th</t>
  </si>
  <si>
    <t>May 31st</t>
  </si>
  <si>
    <t>Coburg</t>
  </si>
  <si>
    <t>コーブルク応用科学大学</t>
  </si>
  <si>
    <t>Coburg University of Applied Sciences and Arts</t>
  </si>
  <si>
    <t>Exchange Students Programs :: Coburg University (coburg-university.de)</t>
  </si>
  <si>
    <t>international@hs-coburg.de</t>
  </si>
  <si>
    <t>English B2</t>
  </si>
  <si>
    <t>recommended German B1</t>
  </si>
  <si>
    <t>不要</t>
    <rPh sb="0" eb="2">
      <t>フヨウ</t>
    </rPh>
    <phoneticPr fontId="5"/>
  </si>
  <si>
    <t>140 € semester contribution</t>
  </si>
  <si>
    <t>any time before 01.10.</t>
  </si>
  <si>
    <t>01.10. - 15.11.</t>
  </si>
  <si>
    <t>any time before 01.05.</t>
  </si>
  <si>
    <t>01.05. - 15.06.</t>
  </si>
  <si>
    <t>スイス</t>
  </si>
  <si>
    <t>Rapperswil, St. Gallen, Buchs (3 campuses)</t>
  </si>
  <si>
    <t>東スイス応用科学大学 (OST)</t>
  </si>
  <si>
    <t>Eastern Switzerland University of Applied Sciences (OST)</t>
  </si>
  <si>
    <t>https://www.ost.ch/en/international-relations-ost/international-office-schools-technology-computer-science-architecture/incoming-students</t>
  </si>
  <si>
    <t>io-eng@ost.ch</t>
  </si>
  <si>
    <t>ibt 79, pbt 550</t>
  </si>
  <si>
    <t>-</t>
  </si>
  <si>
    <t>PTE Academic 50 pts, CEFR B2</t>
  </si>
  <si>
    <t>No</t>
    <phoneticPr fontId="5"/>
  </si>
  <si>
    <t>https://www.ost.ch/de/die-ost/campus/campus-rapperswil-jona/wohnen/studentenwohnheim</t>
  </si>
  <si>
    <t>Deadline 15.10.2025</t>
  </si>
  <si>
    <t>Deadline 1.11.2025</t>
  </si>
  <si>
    <t>Deadline 15.5.2025</t>
  </si>
  <si>
    <t>Deadline 1.6.2025</t>
  </si>
  <si>
    <t>Caen</t>
  </si>
  <si>
    <t>ENSICAEN,ENGINEERING SCHOOL</t>
  </si>
  <si>
    <t>ENSICAEN, Engineering School</t>
    <phoneticPr fontId="5"/>
  </si>
  <si>
    <t>https://www.ensicaen.fr/international/come-and-study-at-the-ensicaen/?lang=en</t>
  </si>
  <si>
    <t>Certificate from the English teacher assessing the level of the student</t>
  </si>
  <si>
    <t>French B1</t>
  </si>
  <si>
    <t>No, the applications will be assessed as long as the student is nominated by SIT</t>
  </si>
  <si>
    <t>必要</t>
    <phoneticPr fontId="5"/>
  </si>
  <si>
    <t>Proof of B2 (English) by the registration deadline (Level according to Common European Framework of Reference for Languages (CEFR))</t>
  </si>
  <si>
    <t>学生寮へ申込可能</t>
  </si>
  <si>
    <t>March - April 2026</t>
  </si>
  <si>
    <t>May-June 2026</t>
  </si>
  <si>
    <t>Ivry sur Seine (Paris)</t>
  </si>
  <si>
    <t>IPSA高等科学技術学院</t>
  </si>
  <si>
    <t>IPSA</t>
    <phoneticPr fontId="5"/>
  </si>
  <si>
    <t>https://www.ipsa.fr/en/admissions/exchange-programs/</t>
  </si>
  <si>
    <t>international@ipsa.fr</t>
  </si>
  <si>
    <t>Equivalent to B2, must be able to follow lectures in english</t>
  </si>
  <si>
    <t>No (French is recommanded for cultural integration and daily life)</t>
  </si>
  <si>
    <t>Home university fees</t>
  </si>
  <si>
    <t>学生寮なし</t>
  </si>
  <si>
    <t>October 1st to October 15st</t>
  </si>
  <si>
    <t>October 15th to November 15th</t>
  </si>
  <si>
    <t>April 1st to April 15</t>
  </si>
  <si>
    <t xml:space="preserve">April 15 May 15 </t>
  </si>
  <si>
    <t>ポーランド</t>
  </si>
  <si>
    <t>Kielce</t>
  </si>
  <si>
    <t>ヤンコハノフスキ大学</t>
  </si>
  <si>
    <t>Jan Kochanowski University of Kielce</t>
  </si>
  <si>
    <t>https://erasmus.ujk.edu.pl/info-for-incoming-students/</t>
  </si>
  <si>
    <t>erasmus@ujk.edu.pl</t>
  </si>
  <si>
    <t>We offer Polish language course (not obligatory)</t>
  </si>
  <si>
    <t>https://erasmus.ujk.edu.pl/info-for-incoming-students/courses-in-english/</t>
  </si>
  <si>
    <t>https://erasmus.ujk.edu.pl/info-for-incoming-students/accommodation/</t>
  </si>
  <si>
    <t>15th January</t>
  </si>
  <si>
    <t>30th January</t>
  </si>
  <si>
    <t>30th June</t>
  </si>
  <si>
    <t>30th July</t>
  </si>
  <si>
    <t>アジア</t>
  </si>
  <si>
    <t>タイ</t>
  </si>
  <si>
    <t>Bangkok</t>
  </si>
  <si>
    <t>カセサート大学</t>
  </si>
  <si>
    <t>Kasetsart University</t>
  </si>
  <si>
    <t>Www.iup.eng.ku.ac.th</t>
  </si>
  <si>
    <t>B1</t>
    <phoneticPr fontId="5"/>
  </si>
  <si>
    <t>Do not need as long as nominated by SIT</t>
  </si>
  <si>
    <t>Early -January to Mid-May</t>
  </si>
  <si>
    <t>16th January</t>
  </si>
  <si>
    <t>Early-August to Mid-December</t>
  </si>
  <si>
    <t>deadline 15th August</t>
  </si>
  <si>
    <t>キングモンクット工科大学トンブリ校</t>
  </si>
  <si>
    <t>King Mongkut’s University of Technology Thonburi</t>
  </si>
  <si>
    <t>https://www.kmutt.ac.th/internationalization/mobility-program/exchange-programs/</t>
  </si>
  <si>
    <t>kmuttexchange@gmail.com</t>
  </si>
  <si>
    <t>B1</t>
  </si>
  <si>
    <t>English language proficiency test results such as TOEFL iTP of at least 500 or TOEFL iBT of at least 35-45 or IELTS of at least 5.0 or a Recommendation Letter by your English lecture (waive for English native speakers). Interview may be requested on a case by case basic.</t>
  </si>
  <si>
    <t>Minimum GPA: 2.0 out of 4.0 (Undergraduate), 3.0 out of 4.0 (Graduate)</t>
  </si>
  <si>
    <t>https://www.kmutt.ac.th/internationalization/wp-content/uploads/sites/2/2025/04/KMUTT-Factsheet-on-Student-Exchange-Program_1-2025.pdf</t>
  </si>
  <si>
    <t>1–30 September</t>
  </si>
  <si>
    <t>1 April–15 May</t>
  </si>
  <si>
    <t>アイルランド</t>
  </si>
  <si>
    <t>Waterford</t>
  </si>
  <si>
    <t>サウスイースト工科大学</t>
  </si>
  <si>
    <t>South East Technological University</t>
  </si>
  <si>
    <t>https://www.setu.ie/global/global-mobility/international-exchange/international-exchange-incoming-students/ects-module-guide</t>
  </si>
  <si>
    <t>StudentExchange.WD@setu.ie</t>
  </si>
  <si>
    <t>Grading structure for Exchange students at SETU is as follows:
Over 70% - 1st Class Honours / Distinction
60% - 69% - 2.1 Class Honours / Merit 1
50% - 59% - 2.0 Honours / Merit 2
40% - 49% - Pass
0 – 39% - Fail, no credits awarded
I – Deferral of module to the next sitting
AB – Absent from Exam
Please note that SETU does not provide class rankings for exchange programmes.</t>
  </si>
  <si>
    <t>No, SIT students should have certain English proficiency, but they don't need to submit the test result.</t>
  </si>
  <si>
    <t>https://www.wit.ie/current_students/student-accommodation</t>
  </si>
  <si>
    <t>Partner nomination deadline: 02 October</t>
  </si>
  <si>
    <t>Student application deadline: 16 October</t>
    <phoneticPr fontId="5"/>
  </si>
  <si>
    <t>Partner nomination deadline: 15 April</t>
  </si>
  <si>
    <t>Student application deadline: 15 May</t>
  </si>
  <si>
    <t>マレーシア</t>
  </si>
  <si>
    <t>KUALA LUMPUR</t>
  </si>
  <si>
    <t>トゥンクアブドゥルラーマン・マネジメント＆テクノロジー大学</t>
  </si>
  <si>
    <t>TUNKU ABDUL RAHMAN UNIVERSITY OF MANAGEMENT AND TECHNOLOGY</t>
  </si>
  <si>
    <t>Will be announced shortly</t>
  </si>
  <si>
    <t>global@tarc.edu.my</t>
  </si>
  <si>
    <t>IELTS 5.0 for undergraduate programmes IELTS 5.5 for postgraduate programmes</t>
  </si>
  <si>
    <t>N/A</t>
  </si>
  <si>
    <t>Do not need, as long as the students are nominated by SIT.</t>
  </si>
  <si>
    <t>https://cpe.tarc.edu.my/global-student-mobility-programmes/</t>
  </si>
  <si>
    <t>academic can be waived provided TAR UMT students go to SIT</t>
  </si>
  <si>
    <t>https://cpe.tarc.edu.my/facilities/</t>
  </si>
  <si>
    <t>Kampar</t>
  </si>
  <si>
    <t>トゥンク・アブドゥル・ラーマン大学</t>
  </si>
  <si>
    <t>Universiti Tunku Abdul Rahman</t>
  </si>
  <si>
    <t>kongcy@utar.edu.my</t>
  </si>
  <si>
    <t>As long as students have English foundation is sufficient as most of the courses in UTAR are taught in English.</t>
  </si>
  <si>
    <t>CGPA 2.5 and above</t>
  </si>
  <si>
    <t>https://cee.utar.edu.my/EEP_main.php</t>
  </si>
  <si>
    <t>Kindly refer to the fact sheet.</t>
  </si>
  <si>
    <t>30th September 2025</t>
  </si>
  <si>
    <t>28th February 2026</t>
  </si>
  <si>
    <t>イタリア</t>
  </si>
  <si>
    <t>L'Aquila</t>
  </si>
  <si>
    <t>ラクイラ大学</t>
  </si>
  <si>
    <t>University of Laquila</t>
  </si>
  <si>
    <t>https://diiie.univaq.it/index.php?id=2664&amp;L=1</t>
  </si>
  <si>
    <t>welcome@strutture.univaq.it</t>
  </si>
  <si>
    <t>Can speak English fluently  ( at least B1 level)</t>
  </si>
  <si>
    <t>Italian B1 level</t>
  </si>
  <si>
    <t>https://www.univaq.it/en/section.php?id=1977&amp;lang_s=en</t>
  </si>
  <si>
    <t>https://laquila.esn.it/it/node/102</t>
  </si>
  <si>
    <t>31st October</t>
  </si>
  <si>
    <t>ノルウェー</t>
  </si>
  <si>
    <t>Stavanger</t>
  </si>
  <si>
    <t>スタヴァンゲル大学</t>
  </si>
  <si>
    <t>University of Stavanger</t>
  </si>
  <si>
    <t>https://www.uis.no/en/studies/collaboration/inbound-exchange</t>
  </si>
  <si>
    <t>inboundexchange@uis.no</t>
  </si>
  <si>
    <t>In order for students to be able to successfully follow lectures in English, they must possess a high level of proficiency in English. The minimum English language requirement for nominated students is level B2.</t>
  </si>
  <si>
    <t>UiS expects that all incoming exchange students have a minimum English proficiency level of B2. For further reference and description of European language levels please check the self-assessment grid.</t>
  </si>
  <si>
    <t>Not applicable</t>
  </si>
  <si>
    <t>Please find all information available on our web site: https://www.uis.no/en/studies/student/application-guide-for-inbound-exchange-students#/ 
If a student is proficient in a Scandinavian language, they may ask to be allowed to participate in courses held in Norwegian.</t>
  </si>
  <si>
    <t>https://www.uis.no/en/studies/collaboration/courses-offered-to-inbound-exchange-students</t>
  </si>
  <si>
    <t>https://www.uis.no/en/student/accommodation</t>
  </si>
  <si>
    <t>1st September to 1st November</t>
  </si>
  <si>
    <t>1st March to 1st May</t>
  </si>
  <si>
    <t>デンマーク</t>
  </si>
  <si>
    <t>Odense</t>
  </si>
  <si>
    <t>南デンマーク大学</t>
  </si>
  <si>
    <t>University of Southern Denmark</t>
  </si>
  <si>
    <t>https://www.sdu.dk/en/uddannelse/exchange_programmes/exchange_facultyofengineering</t>
  </si>
  <si>
    <t>incoming@sdu.dk</t>
  </si>
  <si>
    <t xml:space="preserve">TOEFL iBT(88) / IELTS(6.5) not required (but accepted). Instead, we require and prefer a signed Language Requirement Form from the student’s home university. </t>
  </si>
  <si>
    <t>none</t>
  </si>
  <si>
    <t>Master and PhD students can join a research semester: https://www.sdu.dk/en/uddannelse/exchange_programmes/exchange_facultyofengineering/research_stay
Free Summer School in August: https://www.sdu.dk/en/uddannelse/sdu_summer_school</t>
  </si>
  <si>
    <t>https://www.sdu.dk/en/uddannelse/exchange_programmes</t>
  </si>
  <si>
    <t>We dont have any fees if you are an exchange student, however, you need to pay for your own accommodation, books, food, etc. </t>
  </si>
  <si>
    <t>学生寮確約（期限内に申込んだ場合）</t>
    <rPh sb="6" eb="8">
      <t>キゲン</t>
    </rPh>
    <rPh sb="8" eb="9">
      <t>ナイ</t>
    </rPh>
    <rPh sb="10" eb="12">
      <t>モウシコミ</t>
    </rPh>
    <rPh sb="14" eb="16">
      <t>バアイ</t>
    </rPh>
    <phoneticPr fontId="5"/>
  </si>
  <si>
    <t>https://www.sdu.dk/en/uddannelse/studenthousing</t>
  </si>
  <si>
    <t>Deadline: 15. september</t>
  </si>
  <si>
    <t>Deadline: 1. October</t>
  </si>
  <si>
    <t xml:space="preserve">Deadline: 15. March </t>
  </si>
  <si>
    <t>Deadline: 1. April</t>
  </si>
  <si>
    <t>フィンランド</t>
  </si>
  <si>
    <t>Vaasa</t>
  </si>
  <si>
    <t>バーサ工科大学</t>
  </si>
  <si>
    <t>Vaasa University of Applied Sciences</t>
  </si>
  <si>
    <t>https://www.vamk.fi/en/student/exchange</t>
    <phoneticPr fontId="5"/>
  </si>
  <si>
    <t>international@vamk.fi</t>
  </si>
  <si>
    <t>Can speak English fluently</t>
  </si>
  <si>
    <t>学生寮なし</t>
    <phoneticPr fontId="5"/>
  </si>
  <si>
    <t>www.voas.fi/en</t>
  </si>
  <si>
    <t>October 30</t>
  </si>
  <si>
    <t>April 30</t>
  </si>
  <si>
    <t>スウェーデン</t>
  </si>
  <si>
    <t>Stockholm</t>
  </si>
  <si>
    <t>スウェーデン王立工科大学</t>
  </si>
  <si>
    <t>KTH Royal Institute of Technology</t>
  </si>
  <si>
    <t>www.kth.se/en/studies/exchange</t>
  </si>
  <si>
    <t>国際部に確認</t>
  </si>
  <si>
    <t>KTH recommends student to have a level of English of B 2 according to the European CEFR</t>
  </si>
  <si>
    <t>Not required but recommended only: CEFR-B2</t>
  </si>
  <si>
    <t>KTH recommends students to have a GPA of 3 on the scale of 5</t>
  </si>
  <si>
    <t xml:space="preserve">All courses on the master level, year 4 and 5, are taught in  English </t>
  </si>
  <si>
    <t>www.kth.se/en/studies/exchange/general/courses</t>
  </si>
  <si>
    <t>www.kth.se/en/student/studier/accommodation</t>
  </si>
  <si>
    <t xml:space="preserve">September 15th to October 15th </t>
  </si>
  <si>
    <t xml:space="preserve">March 15th to April 15th </t>
  </si>
  <si>
    <t>Espoo</t>
  </si>
  <si>
    <t>アアルト大学</t>
  </si>
  <si>
    <t>Aalto University</t>
  </si>
  <si>
    <t>https://www.aalto.fi/en/international-students/incoming-exchange-students</t>
  </si>
  <si>
    <t>exchanges-sci@aalto.fi</t>
  </si>
  <si>
    <t>CEFR level B2, test results are fine or statement from the university, see more: https://www.aalto.fi/en/international-students/incoming-exchange-students-to-the-schools-of-technology#1-required-documents-for-online-application</t>
  </si>
  <si>
    <t>No, however, SIT students need to submit an English Proficiency Certificate issued by SIT.</t>
  </si>
  <si>
    <t>https://www.aalto.fi/en/international-students/studies-for-incoming-exchange-students</t>
  </si>
  <si>
    <t>University does not offer anything, but we have separate student housing organisation. However, there is not room for everyone. See more: https://www.aalto.fi/en/international-students/housing-for-exchange-students</t>
  </si>
  <si>
    <t>Deadline 1 October</t>
  </si>
  <si>
    <t>15 September - 15 October</t>
  </si>
  <si>
    <t>Deadline 15 April</t>
  </si>
  <si>
    <t>1 April to 30 April</t>
  </si>
  <si>
    <t>Kraków</t>
  </si>
  <si>
    <t>AGHクラクフ大学</t>
  </si>
  <si>
    <t>AGH University of Krakow</t>
  </si>
  <si>
    <t>https://www.international.agh.edu.pl/</t>
  </si>
  <si>
    <t>B2 in English is required and should be confirmed by SIT</t>
  </si>
  <si>
    <t>None</t>
  </si>
  <si>
    <t>Do not need one as long as the students are nominated by SIT</t>
  </si>
  <si>
    <t>https://sylabusy.agh.edu.pl/en/2/2/20/1/9/55/137#nav-tab-21</t>
  </si>
  <si>
    <t>https://www.miasteczko.agh.edu.pl/en/about-us.html</t>
  </si>
  <si>
    <t>Nomination deadline for students coming in March 2025 is 15.11.2024</t>
  </si>
  <si>
    <t>30.11.2024</t>
  </si>
  <si>
    <t>Nomination deadline for students coming in October 2025 is 31.05.2025</t>
  </si>
  <si>
    <t>30.06.2025</t>
  </si>
  <si>
    <t>クロアチア</t>
  </si>
  <si>
    <t>Zagreb</t>
  </si>
  <si>
    <t>アルゲブラ大学</t>
  </si>
  <si>
    <t>Algebra University College</t>
  </si>
  <si>
    <t>https://www.algebra.hr/sveuciliste/en/international/exchange-programs-and-erasmus/</t>
  </si>
  <si>
    <t>erasmus@algebra.hr</t>
  </si>
  <si>
    <t>English level of at least B2</t>
  </si>
  <si>
    <t>https://www.algebra.hr/sveuciliste/en/international/exchange-programs-and-erasmus/student-mobility/incoming-students/modules-for-incoming-students/</t>
  </si>
  <si>
    <t>https://edudom.eu/</t>
  </si>
  <si>
    <t>Application deadline is 5 November 2025</t>
  </si>
  <si>
    <t>オランダ</t>
  </si>
  <si>
    <t>Amsterdam</t>
  </si>
  <si>
    <t>アムステルダム応用科学大学</t>
  </si>
  <si>
    <t>Amsterdam University of Applied Sciences</t>
  </si>
  <si>
    <t>https://www.amsterdamuas.com/study/education/exchange/technology</t>
  </si>
  <si>
    <t>internationalofficeft@hva.nl</t>
  </si>
  <si>
    <t>Yes, Proficiency in English (CEFR B1)</t>
  </si>
  <si>
    <t>Dutch, CEFR-B1</t>
  </si>
  <si>
    <t>no</t>
  </si>
  <si>
    <t>https://exchangecoursecatalogue.amsterdamuas.com/programlist/%7B%22studiejaar%22:%222024-2025%22,%22Faculty%22:%5B%22Technology%22%5D%7D</t>
  </si>
  <si>
    <t>https://www.amsterdamuas.com/study/international-admissions/housing</t>
  </si>
  <si>
    <t>September 1st to October 1st</t>
  </si>
  <si>
    <t>September 1st to October 15th</t>
  </si>
  <si>
    <t>March 1ste to April 1st</t>
  </si>
  <si>
    <t>March 1st to April 15th</t>
  </si>
  <si>
    <t>Kuala Lumpur</t>
  </si>
  <si>
    <t>アジアパシフィック大学</t>
  </si>
  <si>
    <t>Asia Pacific University of Technology &amp; Innovation</t>
  </si>
  <si>
    <t>https://new.apu.edu.my/</t>
  </si>
  <si>
    <t>国際部へ確認</t>
  </si>
  <si>
    <t>Over 2.0 out of 4.0</t>
  </si>
  <si>
    <t>Web等で確認</t>
  </si>
  <si>
    <t>https://new.apu.edu.my/english-language-study</t>
  </si>
  <si>
    <t>必要</t>
    <rPh sb="0" eb="2">
      <t>ヒツヨウ</t>
    </rPh>
    <phoneticPr fontId="8"/>
  </si>
  <si>
    <t>USD3,725</t>
  </si>
  <si>
    <t>アサンプション大学</t>
  </si>
  <si>
    <t>Assumption University of Thailand</t>
  </si>
  <si>
    <t>http://www.arch.au.edu</t>
  </si>
  <si>
    <t>arch@au.edu</t>
  </si>
  <si>
    <t>Can use English as medium for study</t>
  </si>
  <si>
    <t>Do not need one as long as the students are nominated by SIT)</t>
  </si>
  <si>
    <t>summer program also available in April-May</t>
  </si>
  <si>
    <t>around 10 USD/credits ( 9- 18 credits)</t>
  </si>
  <si>
    <t>http://www.au.edu</t>
  </si>
  <si>
    <t>June- mid Oct/  Mid Nov-March</t>
  </si>
  <si>
    <t>May/ Oct</t>
  </si>
  <si>
    <t>Berlin</t>
  </si>
  <si>
    <t>ベルリン国際応用科学大学</t>
  </si>
  <si>
    <t>Berlin International University of Applied Sciences</t>
  </si>
  <si>
    <t>https://www.berlin-international.de/en/programs/ba-architecture/</t>
  </si>
  <si>
    <t>exchange@berlin-international.de</t>
  </si>
  <si>
    <t>Equivalent to IELTS Academic score 6.0 (B2 CEFR)</t>
  </si>
  <si>
    <t>English, CEFR-B2</t>
  </si>
  <si>
    <t>https://www.berlin-international.de/en/info-material/</t>
  </si>
  <si>
    <t>www.allaboutberlin.com</t>
  </si>
  <si>
    <t xml:space="preserve">October 1st to October 31st </t>
  </si>
  <si>
    <t>November 1st to November 15th</t>
  </si>
  <si>
    <t>April 1st to April 30th</t>
  </si>
  <si>
    <t>May 1st to May 15th</t>
  </si>
  <si>
    <t>インドネシア</t>
  </si>
  <si>
    <t>Jakarta</t>
  </si>
  <si>
    <t>ビヌス大学</t>
  </si>
  <si>
    <t>Binus University</t>
  </si>
  <si>
    <t>https://io.binus.ac.id/international-student-non-degree/binusexchange/</t>
  </si>
  <si>
    <t>sdevitoyani@binus.edu</t>
  </si>
  <si>
    <t>PTE, min 50; or
MUET, min 5; or
An official statement from the home university confirms that the medium of instruction is fully in English.</t>
  </si>
  <si>
    <t>GPA min 2.75 out of 4.00 (70% out of 100%)</t>
  </si>
  <si>
    <t>Preliminary course list will be available in May (Fall semester) and October (Spring semester). Reference to last year's course list can be found from https://linktr.ee/binusexchange</t>
  </si>
  <si>
    <t>https://binus.ac.id/binussquare/</t>
  </si>
  <si>
    <t>Until 30 October</t>
  </si>
  <si>
    <t>1-15 November</t>
  </si>
  <si>
    <t>Until 30 May</t>
  </si>
  <si>
    <t>1-15 June</t>
  </si>
  <si>
    <t>Bochum</t>
  </si>
  <si>
    <t>ボーフム応用科学大学</t>
  </si>
  <si>
    <t>Bochum University of Applied Sciences</t>
  </si>
  <si>
    <t xml:space="preserve">https://www.hochschule-bochum.de/en/uas-bo/wichtige-einrichtungen/international-office/wege-an-die-bo/exchange-students/;https://www.hochschule-bochum.de/en/departments/mechatronics-and-mechanical-engineering/studying-in-department-m/ </t>
  </si>
  <si>
    <t>marion.werthebach@hs-bochum.de</t>
  </si>
  <si>
    <t>cerificate for B2 level of English</t>
  </si>
  <si>
    <t>German, CEFR-B1 for certain classes</t>
  </si>
  <si>
    <t>https://www.hochschule-bochum.de/en/</t>
  </si>
  <si>
    <t>https://www.hochschule-bochum.de/en/uas-bo/wichtige-einrichtungen/international-office/wege-an-die-bo/exchange-students/</t>
  </si>
  <si>
    <t>Approximately 380 USD</t>
  </si>
  <si>
    <t>https://www.akafoe.de/wohnen</t>
  </si>
  <si>
    <t>May 1st</t>
  </si>
  <si>
    <t>北米</t>
  </si>
  <si>
    <t>アメリカ</t>
  </si>
  <si>
    <t>City of Pomona, Los Angeles County</t>
  </si>
  <si>
    <t>カリフォルニア州立理工大学ポモナ校</t>
  </si>
  <si>
    <t>California State Polytechnic University, Pomona</t>
  </si>
  <si>
    <t>https://www.cpp.edu/cpge/semesteratcpp/index.shtml</t>
  </si>
  <si>
    <t>yingchuanw@cpp.edu</t>
  </si>
  <si>
    <t xml:space="preserve">Duolingo (95), DAAD Certificate, CEFR (B2), or IB Diploma will also work. </t>
  </si>
  <si>
    <t>Not required, but over 2.5 out of 4.0 is preferred.</t>
  </si>
  <si>
    <t>必要</t>
    <rPh sb="0" eb="2">
      <t>ヒツヨウ</t>
    </rPh>
    <phoneticPr fontId="12"/>
  </si>
  <si>
    <t>https://schedule.cpp.edu/</t>
  </si>
  <si>
    <t>Tuition fee for Semester@CPP program:  U.S.$ 5,900 for four 3-unit courses per semester</t>
  </si>
  <si>
    <t>September 12 to November 25</t>
  </si>
  <si>
    <t>February 6 to June 16</t>
  </si>
  <si>
    <t xml:space="preserve">Bakersfield </t>
  </si>
  <si>
    <t>カリフォルニア州立大学ベーカーズフィールド校</t>
  </si>
  <si>
    <t>California State University, Bakersfield</t>
  </si>
  <si>
    <t>https://www.csub.edu/isp/semester-csub-and-exchange-program</t>
  </si>
  <si>
    <t>studyabroad@csub.edu</t>
  </si>
  <si>
    <t>https://www.csub.edu/current-students</t>
  </si>
  <si>
    <t>不要</t>
    <rPh sb="0" eb="2">
      <t>フヨウ</t>
    </rPh>
    <phoneticPr fontId="8"/>
  </si>
  <si>
    <t>Approx. $600 medical insurance</t>
  </si>
  <si>
    <t>学生寮へ申し込み可能</t>
    <rPh sb="0" eb="3">
      <t>ガクセイリョウ</t>
    </rPh>
    <rPh sb="4" eb="5">
      <t>モウ</t>
    </rPh>
    <rPh sb="6" eb="7">
      <t>コ</t>
    </rPh>
    <rPh sb="8" eb="10">
      <t>カノウ</t>
    </rPh>
    <phoneticPr fontId="5"/>
  </si>
  <si>
    <t>https://www.csub.edu/Housing</t>
  </si>
  <si>
    <t>Oct. 30, 2023</t>
  </si>
  <si>
    <t>Nov. 1-15</t>
  </si>
  <si>
    <t>Mar.1</t>
  </si>
  <si>
    <t>Mar. 1-31</t>
  </si>
  <si>
    <t>台湾</t>
  </si>
  <si>
    <t>Taichung</t>
  </si>
  <si>
    <t>朝陽科技大学</t>
  </si>
  <si>
    <t>Chaoyang University of Technology</t>
  </si>
  <si>
    <t>https://webim.cyut.edu.tw/p/412-1043-6655.php?Lang=en</t>
  </si>
  <si>
    <t>icsc@cyut.edu.tw</t>
  </si>
  <si>
    <t>IELTS 4.0</t>
  </si>
  <si>
    <t>TOCFL A1</t>
  </si>
  <si>
    <t>https://cts.cyut.edu.tw/CTS0006/Home/EmiCourses</t>
  </si>
  <si>
    <t>https://stafof.cyut.edu.tw/p/426-1003-68.php?Lang=zh-tw</t>
  </si>
  <si>
    <t>October 1st to October 31st</t>
  </si>
  <si>
    <t>中国</t>
  </si>
  <si>
    <t>Wuhan</t>
  </si>
  <si>
    <t>中国地質大学</t>
  </si>
  <si>
    <t>China University of Geosciences</t>
  </si>
  <si>
    <t>https://eniec.cug.edu.cn/</t>
  </si>
  <si>
    <t>https://eniec.cug.edu.cn/info/1025/1082.htm</t>
  </si>
  <si>
    <t>Web等で要確認</t>
    <rPh sb="3" eb="4">
      <t>トウ</t>
    </rPh>
    <rPh sb="5" eb="8">
      <t>ヨウカクニン</t>
    </rPh>
    <phoneticPr fontId="13"/>
  </si>
  <si>
    <t>大韓民国</t>
  </si>
  <si>
    <t>Seoul</t>
  </si>
  <si>
    <t>中央大学</t>
  </si>
  <si>
    <t>Chung-Ang University</t>
  </si>
  <si>
    <t>https://oia.cau.ac.kr/</t>
  </si>
  <si>
    <t>Over 2.0 out of 4.5</t>
  </si>
  <si>
    <t>file:///C:/Users/CAU/%EC%A4%91%EC%95%99%EB%8C%80%ED%95%99%EA%B5%90/%EC%9D%B4%EB%8F%99%EC%98%81%20-%20%EC%B4%88%EC%B2%AD/2021-2%ED%95%99%EA%B8%B0/Courses/Academic%20Year%202021%20Courses%20Offered%20in%20English%20(Fall%202021).pdf</t>
  </si>
  <si>
    <t>Daejeon</t>
  </si>
  <si>
    <t>忠南大学</t>
  </si>
  <si>
    <t>Chungnam National University</t>
  </si>
  <si>
    <t>http://cnuint.cnu.ac.kr/</t>
  </si>
  <si>
    <t>Inbound: eunsoo@cnu.ac.kr Outbound:jhw02163@cnu.ac.kr</t>
  </si>
  <si>
    <t>If students want to take Korean lectures, Korean language proficiency score (TOPIK or equivalent) of level 3 or higher is preferred. If students will take only English lectures, no requirements. We recommend that students have enough English skills to understand English lessons.</t>
  </si>
  <si>
    <t>If students want to take Korean lectures, Korean language proficiency score (TOPIK or equivalent) of level 3 or higher is preferred. 
If students will take only English lectures, no requirements.
We recommend that students have enough English skills to understand English lessons.</t>
  </si>
  <si>
    <t>At our university, not all courses are offered in English. However, since 1–2 English-taught courses are provided per major each semester, exchange students usually take 1–2 major-related courses along with other English courses offered in different departments (such as engineering, culture, language, or marketing). In total, they typically register for 4–6 courses per semester.</t>
  </si>
  <si>
    <t>https://cnuint.cnu.ac.kr/cnuint/study/english-courses.do)</t>
  </si>
  <si>
    <t>Around 1,050 USD/a semester for accommodation and meal plan/Insurance 111USA a month</t>
  </si>
  <si>
    <t xml:space="preserve">https://dorm.cnu.ac.kr/ </t>
  </si>
  <si>
    <t>By 20 November</t>
  </si>
  <si>
    <t>By 1 December</t>
  </si>
  <si>
    <t>By 20 May</t>
  </si>
  <si>
    <t>By 1 June</t>
  </si>
  <si>
    <t>Golden</t>
  </si>
  <si>
    <t>コロラド鉱山大学</t>
  </si>
  <si>
    <t>Colorado School of Mines</t>
  </si>
  <si>
    <t>https://www.mines.edu/global/study-abroad-student-exchange/incoming-exchange-students-j1/</t>
  </si>
  <si>
    <t>abroad@mines.edu</t>
  </si>
  <si>
    <t>Duolingo: minimum 105</t>
  </si>
  <si>
    <t>https://catalog.mines.edu/undergraduate/programs/
https://www.mines.edu/contact/#academic</t>
  </si>
  <si>
    <t xml:space="preserve">$1,500 student fee </t>
  </si>
  <si>
    <t>https://www.mines.edu/residence-life/</t>
  </si>
  <si>
    <t>August 1 to October 1</t>
  </si>
  <si>
    <t>September 1 to October 15</t>
  </si>
  <si>
    <t>January 1 to March 1</t>
  </si>
  <si>
    <t>January 1 to March 15</t>
  </si>
  <si>
    <t xml:space="preserve">New Orleans </t>
  </si>
  <si>
    <t>ディラード大学</t>
  </si>
  <si>
    <t>Dillard University</t>
  </si>
  <si>
    <t>Www.Dillard.edu</t>
  </si>
  <si>
    <t>Adarwish@dillard.edu</t>
  </si>
  <si>
    <t>No need to submit score</t>
  </si>
  <si>
    <t>Don't need one as long as student nominated</t>
  </si>
  <si>
    <t>No, however, SIT students need to take the placment test when they start the program.</t>
  </si>
  <si>
    <t>Www.dillard.edu</t>
  </si>
  <si>
    <t>January 10 to May 5</t>
  </si>
  <si>
    <t>Aug 1 to Dec 1</t>
  </si>
  <si>
    <t>January 1 to June1</t>
  </si>
  <si>
    <t>April 1 to July 1</t>
  </si>
  <si>
    <t>Paris</t>
  </si>
  <si>
    <t>パリ・ベルヴィル建築大学</t>
  </si>
  <si>
    <t>Ecole Nationale Superieure dArchitecture de Paris-Belleville</t>
  </si>
  <si>
    <t>https://www.shibaura-it.ac.jp/assets/Factsheet_Ecole%20Nationale%20Superieure%20dArchitecture%20de%20Paris-Belleville_Factsheet_2024-2025.pdf</t>
  </si>
  <si>
    <t>incomingstudents@paris-belleville.archi.fr</t>
  </si>
  <si>
    <t>授業はすべてフランス語で実施</t>
    <rPh sb="0" eb="2">
      <t>ジュギョウ</t>
    </rPh>
    <rPh sb="10" eb="11">
      <t>ゴ</t>
    </rPh>
    <rPh sb="12" eb="14">
      <t>ジッシ</t>
    </rPh>
    <phoneticPr fontId="5"/>
  </si>
  <si>
    <t>すべてフランス語</t>
    <rPh sb="7" eb="8">
      <t>ゴ</t>
    </rPh>
    <phoneticPr fontId="5"/>
  </si>
  <si>
    <t>https://www.paris-belleville.archi.fr/
https://www.shibaura-it.ac.jp/assets/Factsheet_Ecole%20Nationale%20Superieure%20dArchitecture%20de%20Paris-Belleville_Factsheet_2024-2025.pdf</t>
  </si>
  <si>
    <t>学生寮なし</t>
    <rPh sb="0" eb="3">
      <t>ガクセイリョウ</t>
    </rPh>
    <phoneticPr fontId="5"/>
  </si>
  <si>
    <t>https://www.paris-belleville.archi.fr/acteurs/etudiants/logements/
https://jp.ambafrance.org/article16548＞https://www.japon.campusfrance.org/ja/logement</t>
  </si>
  <si>
    <t>April 12, 2024</t>
  </si>
  <si>
    <t>Lausanne</t>
  </si>
  <si>
    <t>スイス連邦工科大学ローザンヌ校</t>
  </si>
  <si>
    <t>Ecole Polytechnique Federale de Lausanne</t>
  </si>
  <si>
    <t>https://www.epfl.ch/education/international/en/coming-to-epfl/semester-courses/</t>
  </si>
  <si>
    <t>sac-exchange-in@epfl.ch</t>
  </si>
  <si>
    <t>B2 in French and/or English is recommended</t>
  </si>
  <si>
    <t>Recommended B2 in French</t>
  </si>
  <si>
    <t xml:space="preserve">Most of the Bachelor level classes are taught in French but to some extend in English. Most of our Master level classes are taught in English. </t>
  </si>
  <si>
    <t>https://www.epfl.ch/education/studies/en/rules-and-procedures/study_plans/</t>
  </si>
  <si>
    <t>https://www.epfl.ch/campus/services/housing/en/</t>
  </si>
  <si>
    <t>1st october</t>
  </si>
  <si>
    <t>1st april</t>
  </si>
  <si>
    <t>PARIS</t>
  </si>
  <si>
    <t>コンピューティングと高度な技術のための学校</t>
  </si>
  <si>
    <t>EPITA</t>
  </si>
  <si>
    <t>https://sway.cloud.microsoft/pw0vfIJzSxUAjaxp?ref=Link</t>
  </si>
  <si>
    <t xml:space="preserve">Incoming-international@epita.fr </t>
  </si>
  <si>
    <t>Certificate from home university indicating B2 level minimum</t>
  </si>
  <si>
    <t>English</t>
  </si>
  <si>
    <t>Yes, SIT students need to provide the English language proficiency test.</t>
  </si>
  <si>
    <t>We send email with various accommodation options. It will be updated soon on our website</t>
  </si>
  <si>
    <t>October 15 (acceptble until 31)</t>
  </si>
  <si>
    <t>October 31</t>
  </si>
  <si>
    <t>May 30</t>
  </si>
  <si>
    <t>Paris or Barcelona</t>
  </si>
  <si>
    <t>ヨーロッパ情報技術研究所</t>
  </si>
  <si>
    <t>EPITECH</t>
  </si>
  <si>
    <t>https://international.epitech.eu/</t>
  </si>
  <si>
    <t>toussaintc99@gmail.com</t>
  </si>
  <si>
    <t>english certificate B2 english level</t>
  </si>
  <si>
    <t>Same website as before</t>
  </si>
  <si>
    <t>200 euros of application fees</t>
  </si>
  <si>
    <t>https://international.epitech.eu/student-life/</t>
  </si>
  <si>
    <t>September 15th to November 15th</t>
  </si>
  <si>
    <t>February 15th to May 10th</t>
  </si>
  <si>
    <t>March 10th to May 15th</t>
  </si>
  <si>
    <t>ESMEスドリア</t>
  </si>
  <si>
    <t>ESME Sudria</t>
  </si>
  <si>
    <t>https://www.esme.fr/en/undergraduate-international-program/</t>
  </si>
  <si>
    <t xml:space="preserve">melissa.hamitouche@esme.fr </t>
  </si>
  <si>
    <t xml:space="preserve">We require at least a B1 level. </t>
  </si>
  <si>
    <t>CEFR-B1</t>
  </si>
  <si>
    <t xml:space="preserve">No GPA requiered. </t>
  </si>
  <si>
    <t>https://www.esme.fr/en/living-in-paris/</t>
  </si>
  <si>
    <t>December 6, 2025</t>
  </si>
  <si>
    <t>December 16, 2025</t>
  </si>
  <si>
    <t>May 31, 2025</t>
  </si>
  <si>
    <t>June 23, 2025</t>
  </si>
  <si>
    <t>中南米</t>
  </si>
  <si>
    <t>ブラジル</t>
  </si>
  <si>
    <t>Santo André</t>
  </si>
  <si>
    <t>ブラジル連邦大学ABC</t>
  </si>
  <si>
    <t>Federal University of ABC</t>
  </si>
  <si>
    <t>https://ri.ufabc.edu.br/mobilidade-academica/para-estrangeiros</t>
  </si>
  <si>
    <t>https://www.ufabc.edu.br/en/exchange-students/courses-in-english/</t>
  </si>
  <si>
    <t>不要</t>
    <rPh sb="0" eb="2">
      <t>フヨウ</t>
    </rPh>
    <phoneticPr fontId="12"/>
  </si>
  <si>
    <t>Curitiba (main campus and central administration, but there are other 12 campuses in other cities)</t>
  </si>
  <si>
    <t>パラナ連邦工科大学</t>
  </si>
  <si>
    <t>Federal University of Technology Parana</t>
  </si>
  <si>
    <t>https://portal.utfpr.edu.br/english/international</t>
  </si>
  <si>
    <t>Until October 15</t>
  </si>
  <si>
    <t>Until November 1st</t>
  </si>
  <si>
    <t>Until April 15</t>
  </si>
  <si>
    <t>Until May 1st</t>
  </si>
  <si>
    <t>ベトナム</t>
  </si>
  <si>
    <t>Hanoi</t>
  </si>
  <si>
    <t>FPT大学</t>
  </si>
  <si>
    <t>FPT University</t>
  </si>
  <si>
    <t>minhhhy@fe.edu.vn</t>
  </si>
  <si>
    <t>If Student does not have certificate at the time of application, ask his/her University to write a confirmation letter stating that He/She is qualified to study abroad</t>
  </si>
  <si>
    <t>The GPA requirement is up to our partner institution. However, we prefer those who have 2.5 (out of 4.0) or above GPA.</t>
  </si>
  <si>
    <t xml:space="preserve">Kindly note with your student the course list for exchange students is available 01 month prior to the starting date of the semester. </t>
  </si>
  <si>
    <t>FPT coordinators will support students to look for accommodation</t>
  </si>
  <si>
    <t>August 15th to October 1st</t>
  </si>
  <si>
    <t>April 1st to June 1st</t>
  </si>
  <si>
    <t>Frankfurt</t>
  </si>
  <si>
    <t>フランクフルト応用科学大学</t>
  </si>
  <si>
    <t>Frankfurt University of Applied Sciences</t>
  </si>
  <si>
    <t>https://www.frankfurt-university.de/en/studies/international-office/incomings/exchange/</t>
  </si>
  <si>
    <t>incoming.exchange@io.fra-uas.de</t>
  </si>
  <si>
    <t>Equivalent to B2 in English</t>
  </si>
  <si>
    <t>English - B2</t>
  </si>
  <si>
    <t>We accept either an English certificate or a confirmation from the University. Major must match major at the home university</t>
  </si>
  <si>
    <t>Around 300€ per semester - it's not a tuition, it's an administrative fee and includes free public transportation in entire Germany</t>
  </si>
  <si>
    <t>https://www.frankfurt-university.de/en/studies/international-office/incomings/exchange/living-in-frankfurt/</t>
  </si>
  <si>
    <t>deadline - October 15th</t>
  </si>
  <si>
    <t>Septermber 15 - November 1</t>
  </si>
  <si>
    <t>deadline - April 15th</t>
  </si>
  <si>
    <t>March 15 - May 1</t>
  </si>
  <si>
    <t>Grenoble</t>
  </si>
  <si>
    <t>グルノーブル理工科大学</t>
  </si>
  <si>
    <t>Grenoble Institute of Technology</t>
  </si>
  <si>
    <t>https://www.grenoble-inp.fr/en/academics/exchange-or-double-degree-student</t>
  </si>
  <si>
    <t>marianne.genton@grenobl-inp.fr</t>
  </si>
  <si>
    <t>B2 level recommended</t>
  </si>
  <si>
    <t>if students want to register for courses taught in French, then they are required to have a B1 level in French.</t>
  </si>
  <si>
    <t xml:space="preserve">no GPA requirement, the students need to have the pre-requisites for courses </t>
  </si>
  <si>
    <t>https://ensimag.grenoble-inp.fr/en/education/curriculum</t>
  </si>
  <si>
    <t>national student fee (CVEC) approx 100 euros</t>
  </si>
  <si>
    <t>https://www.grenoble-inp.fr/en/academics/faq-frequently-asked-questions-1</t>
  </si>
  <si>
    <t>from September 15 to October 25</t>
  </si>
  <si>
    <t>from September 16 to November 12</t>
  </si>
  <si>
    <t>From March 1 to April 1</t>
  </si>
  <si>
    <t>March 4 to April 30</t>
  </si>
  <si>
    <t>Pohang</t>
  </si>
  <si>
    <t>韓東大学校</t>
  </si>
  <si>
    <t>Handong Global University</t>
  </si>
  <si>
    <t>handong.edu/eng</t>
  </si>
  <si>
    <t>exchange@handong.edu</t>
  </si>
  <si>
    <t>At least B1/B2 level</t>
  </si>
  <si>
    <t>none is required.</t>
  </si>
  <si>
    <t>GPA 2.5 out of 4.5</t>
  </si>
  <si>
    <t>https://www.handong.edu/eng/academics/undergraduate/course/list/</t>
  </si>
  <si>
    <t>Student Orientation (1 week period before the semester - 300 USD / including meals, accommodation, etc for the week) / Dorm Fee: 600-650 USD for the semester</t>
  </si>
  <si>
    <t>.</t>
  </si>
  <si>
    <t>September 1st to November 30th</t>
  </si>
  <si>
    <t>October 1st to December 15th</t>
  </si>
  <si>
    <t>March 1st to May 31st</t>
  </si>
  <si>
    <t>April 1st to June 15th</t>
  </si>
  <si>
    <t>ハノイ土木大学</t>
  </si>
  <si>
    <t>Hanoi University of Civil Engineering</t>
  </si>
  <si>
    <t>htqt@huce.edu.vn</t>
  </si>
  <si>
    <t>5.5-6.5</t>
  </si>
  <si>
    <t>IELTS 5.5 -6.5</t>
  </si>
  <si>
    <t xml:space="preserve">No </t>
  </si>
  <si>
    <t>August 1st to August  31st</t>
  </si>
  <si>
    <t>September 1st to September 30</t>
  </si>
  <si>
    <t xml:space="preserve">March 1st to March 31st </t>
  </si>
  <si>
    <t>ハノイ鉱山・地質大学</t>
  </si>
  <si>
    <t>Hanoi University of Mining and Geology</t>
  </si>
  <si>
    <t>https://adprog.humg.edu.vn/en/Pages/home.aspx</t>
  </si>
  <si>
    <t xml:space="preserve">ic@humg.edu.vn </t>
  </si>
  <si>
    <t>Students need to have English proficiency equivalent to at least B2 Cambridge</t>
  </si>
  <si>
    <t>If students take courses in Vietnamese, a minimum level of B2 is required.</t>
  </si>
  <si>
    <t>https://ktx.humg.edu.vn/ky-tuc-xa/Pages/home.aspx</t>
  </si>
  <si>
    <t>October 1st  to October 31st</t>
  </si>
  <si>
    <t>November 01st to November 30th</t>
  </si>
  <si>
    <t>May 01st to May 30</t>
  </si>
  <si>
    <t>June 01st to June 30th</t>
  </si>
  <si>
    <t>ハノイ理工科大学</t>
  </si>
  <si>
    <t>Hanoi University of Science and Technology</t>
  </si>
  <si>
    <t>https://docs.google.com/spreadsheets/d/19c70D5XGAiC09Isvj7Or3lvY4L5HpKPf/htmlview</t>
  </si>
  <si>
    <t>tra.tranvuhuong@hust.edu.vn; chi.nguyenmai@hust.edu.vn</t>
  </si>
  <si>
    <t xml:space="preserve">Can speak English fluently  </t>
  </si>
  <si>
    <t>For Gradudate program, HUST do not have courses in English. However  SIT students can do project/Research in English and HUST can find  superviors for them</t>
  </si>
  <si>
    <t>They have to pay for their travelling and Living cost cost</t>
  </si>
  <si>
    <t>NA</t>
  </si>
  <si>
    <t>September 20th   to October 20th</t>
  </si>
  <si>
    <t>October 20th to November 5th</t>
  </si>
  <si>
    <t xml:space="preserve">May 1st to May 15th </t>
  </si>
  <si>
    <t>Ansan-si, Gyeonggi-Do</t>
  </si>
  <si>
    <t>漢陽大学</t>
  </si>
  <si>
    <t>Hanyang University</t>
  </si>
  <si>
    <t>https://ericaexchange.hanyang.ac.kr/</t>
  </si>
  <si>
    <t>ericaincoming@hanyang.ac.kr</t>
  </si>
  <si>
    <t>TOEFL ITP 543, Cambridge Overall Score 170, Duolingo 90 etc.</t>
  </si>
  <si>
    <t>If students wish to take courses taught in Korean, they are required to have at least TOPIK level 3.</t>
  </si>
  <si>
    <t>Over 60% out of 100%</t>
  </si>
  <si>
    <t>1. You can find our course offerings at the following link:
Course Catalog (https://portal.hanyang.ac.kr/sugang/sulg.do#!UDMxMDI3OCRAXnN1Z2FuZy8kQF4wJEBeTTAwNjYzMSRAXuyImOqwle2OuOuejCRAXk0wMDY2MzEkQF5lOTA2ODU5ODUyNGUwMDRhNGFmNmQ5NmQzNDQxMGZhNTY3MDVlNzZiYjJmN2ZjMmRmMzU3Mjk0NzFiMGYzYjQ1IA==!)
2. Click on the American flag icon at the top right corner to switch to English.
3. Under College/School, select ERICA College.
4. Choose the desired Year and Semester you are looking for.
5. Click Search to view the available courses.
6. Click the course number if you want to see the syllabus.</t>
  </si>
  <si>
    <t>https://hydorm.hanyang.ac.kr/   (Korean Only)</t>
  </si>
  <si>
    <t>October 1st  to October 15th</t>
  </si>
  <si>
    <t>October 16st  to October 31st</t>
  </si>
  <si>
    <t>April 1st to April 15th</t>
  </si>
  <si>
    <t>April 16th to April 30th</t>
  </si>
  <si>
    <t>インド</t>
  </si>
  <si>
    <t>Chennai</t>
  </si>
  <si>
    <t>ヒンドゥスターン理工科大学</t>
  </si>
  <si>
    <t>Hindustan Institute Of Technology and Science</t>
  </si>
  <si>
    <t>https://hindustanuniv.ac.in/academics/programs/</t>
  </si>
  <si>
    <t xml:space="preserve">internationalaffairs@hindustanuniv.ac.in, oia@hindustanuniv.ac.in </t>
  </si>
  <si>
    <t>The basic requirement is that students must be able to speak, listen, and write in English.</t>
  </si>
  <si>
    <t>Non</t>
  </si>
  <si>
    <t>https://hindustanuniv.ac.in/facilities/housing-and-dining-hostels/</t>
  </si>
  <si>
    <t>March 15th to April 30th</t>
  </si>
  <si>
    <t>Ho Chi Minh City</t>
  </si>
  <si>
    <t>ホーチミン市工科大学</t>
  </si>
  <si>
    <t>Ho Chi Minh City University of Technology</t>
  </si>
  <si>
    <t>https://hcmut.edu.vn/en/study/exchange/academic</t>
  </si>
  <si>
    <t>inter@hcmut.edu.vn</t>
  </si>
  <si>
    <t>CEFR B2, TOEIC (Listening –</t>
  </si>
  <si>
    <t>At least 2.5/4</t>
  </si>
  <si>
    <t>https://hcmut.edu.vn/en/study/program?lang=en&amp;tab=1</t>
  </si>
  <si>
    <t>https://oisp.hcmut.edu.vn/en/tag/dormitory</t>
  </si>
  <si>
    <t>September 15th</t>
  </si>
  <si>
    <t>May 30th</t>
  </si>
  <si>
    <t>Munich</t>
  </si>
  <si>
    <t>ミュンヘン応用科学大学</t>
  </si>
  <si>
    <t>Hochschule München University of Applied Sciences</t>
  </si>
  <si>
    <t xml:space="preserve">hm.edu/exchange </t>
  </si>
  <si>
    <t>international-office@hm.edu</t>
  </si>
  <si>
    <t>TOEFL 80, IELTS 6.0, B2</t>
  </si>
  <si>
    <t>Basis German recommended</t>
  </si>
  <si>
    <t>Students should always check website for courses in English, just to be on the safe side!</t>
  </si>
  <si>
    <t>hm.edu/courses_in_english</t>
  </si>
  <si>
    <t>currently 85 Euro, Subject to change</t>
  </si>
  <si>
    <t>ベルリン技術経済大学</t>
  </si>
  <si>
    <t>HTW Berlin - University of Applied Sciences</t>
  </si>
  <si>
    <t>https://www.htw-berlin.de/en/international/wege-an-die-htw-berlin/student-exchange-programmes-at-htw-berlin/</t>
  </si>
  <si>
    <t>incoming-student@htw-berlin.de</t>
  </si>
  <si>
    <t>https://www.htw-berlin.de/en/international/wege-an-die-htw-berlin/student-exchange-programmes-at-htw-berlin/nomination-and-application/#c60879</t>
  </si>
  <si>
    <t>https://www.htw-berlin.de/en/international/intercultural-exchange/english-language-study-programmes/</t>
  </si>
  <si>
    <t>https://www.htw-berlin.de/en/studies/organising-your-studies/semester-fee/</t>
  </si>
  <si>
    <t>September 15 to October 15</t>
  </si>
  <si>
    <t xml:space="preserve">application deadline 11th November </t>
  </si>
  <si>
    <t>March 15 to April 15</t>
  </si>
  <si>
    <t>application deadline 11th May</t>
  </si>
  <si>
    <t>Konstanz</t>
  </si>
  <si>
    <t>コンスタンツ応用科学大学</t>
  </si>
  <si>
    <t>HTWG Konstanz</t>
  </si>
  <si>
    <t>https://www.htwg-konstanz.de/en/academics/international-office/international-students/incoming-exchange-students-from-partner-universities</t>
  </si>
  <si>
    <t>annelies.hell@htwg-konstanz.de</t>
  </si>
  <si>
    <t>Can speak English Fluently / Level B2</t>
  </si>
  <si>
    <t xml:space="preserve">For German taught classes and classes in  Architecture and communication Design: German B2 </t>
  </si>
  <si>
    <t>https://www.htwg-konstanz.de/studium/studienangebot</t>
  </si>
  <si>
    <t>https://www.htwg-konstanz.de/studium/internationales-studium/internationale-studierende/austauschstudierende/studienmoeglichkeiten/courses-taught-in-english/</t>
  </si>
  <si>
    <t>120 € / 140 USD</t>
  </si>
  <si>
    <t>https://seezeit.com/en/accommodation/accommodation-at-seezeit/</t>
  </si>
  <si>
    <t>Deadline December 01</t>
  </si>
  <si>
    <t>Deadline June 15</t>
  </si>
  <si>
    <t xml:space="preserve">Huang shan </t>
  </si>
  <si>
    <t>黄山学院</t>
  </si>
  <si>
    <t>Huangshan University</t>
  </si>
  <si>
    <t xml:space="preserve">https://study.hsu.edu.cn </t>
  </si>
  <si>
    <t xml:space="preserve">600071@hsu.edu.cn </t>
  </si>
  <si>
    <t>English test will be given upon arrival</t>
  </si>
  <si>
    <t>不要</t>
    <rPh sb="0" eb="2">
      <t>フヨウ</t>
    </rPh>
    <phoneticPr fontId="13"/>
  </si>
  <si>
    <t>Until NOV1st</t>
  </si>
  <si>
    <t>Until NOV31st</t>
  </si>
  <si>
    <t>Until Jun 1st.</t>
  </si>
  <si>
    <t>Until JUN30st.</t>
  </si>
  <si>
    <t>Strasbourg</t>
  </si>
  <si>
    <t>ICAMストラスブール</t>
  </si>
  <si>
    <t>Icam Strasbourg-Europe</t>
  </si>
  <si>
    <t>https://forms.gle/5ncnVc7uXGChFd529</t>
  </si>
  <si>
    <t>leandro.didomenico@icam.fr</t>
  </si>
  <si>
    <t>&gt;B1 (on Common European Framework of Reference for Languages)</t>
  </si>
  <si>
    <t>English B1</t>
  </si>
  <si>
    <t>Icam can also offer engineering projects based on the students domain of interest (according to available projects)</t>
  </si>
  <si>
    <t>from October 1st to November 30th</t>
  </si>
  <si>
    <t>November 1st to December 15th</t>
  </si>
  <si>
    <t>March 1st to June 30th</t>
  </si>
  <si>
    <t>June 1st to July 15th</t>
  </si>
  <si>
    <t xml:space="preserve">Chennai /Madras </t>
  </si>
  <si>
    <t>インド工科大学マドラス校</t>
  </si>
  <si>
    <t>Indian Institute of Technology Madras</t>
  </si>
  <si>
    <t>inbound@ge.iitm.ac.in</t>
  </si>
  <si>
    <t>letter from home university about students proficiency</t>
  </si>
  <si>
    <t>as per your home university</t>
  </si>
  <si>
    <t>will be given once we recieve the course list</t>
  </si>
  <si>
    <t>学生寮確約</t>
    <rPh sb="0" eb="3">
      <t>ガクセイリョウ</t>
    </rPh>
    <rPh sb="3" eb="5">
      <t>カクヤク</t>
    </rPh>
    <phoneticPr fontId="5"/>
  </si>
  <si>
    <t>october 15 last date for recieving nominations.</t>
  </si>
  <si>
    <t>April 15</t>
  </si>
  <si>
    <t>Palakkad,Kerala</t>
  </si>
  <si>
    <t>インド工科大学パルガート校</t>
  </si>
  <si>
    <t>Indian Institute of Technology Palakkad</t>
  </si>
  <si>
    <t>https://iitpkd.ac.in/programs</t>
  </si>
  <si>
    <t>inbound@iitpkd.ac.in,ir_office@iitpkd.ac.in</t>
  </si>
  <si>
    <t>Students are expected to have a good knowledge of English.</t>
  </si>
  <si>
    <t xml:space="preserve">No specific requirements. Based on Faculty decision </t>
  </si>
  <si>
    <t>students needs to pay Hostel and Dining charges</t>
  </si>
  <si>
    <t>https://iitpkd.ac.in/hostels</t>
  </si>
  <si>
    <t>October 1st to 31st October</t>
  </si>
  <si>
    <t>パリ・エレクトロニクス高等研究機関</t>
  </si>
  <si>
    <t>Institut Supérieur d’Electronique de Paris</t>
  </si>
  <si>
    <t>https://en.isep.fr/studying-at-isep/exchange-students/</t>
  </si>
  <si>
    <t>international@isep.fr</t>
  </si>
  <si>
    <t>Equivalent to B2 in the CEFR (Common European Framework of Reference)</t>
  </si>
  <si>
    <t>If students study in English, there is no requirement for other languages</t>
  </si>
  <si>
    <t>https://en.isep.fr/studying-at-isep/course-catalog/</t>
  </si>
  <si>
    <t>contact: logement@isep.fr</t>
  </si>
  <si>
    <t>September 15th to October 31st</t>
  </si>
  <si>
    <t>March 15th to April 30</t>
  </si>
  <si>
    <t>Bandung</t>
  </si>
  <si>
    <t>バンドン工科大学</t>
  </si>
  <si>
    <t>Institut Teknologi Bandung</t>
  </si>
  <si>
    <t>https://admission.itb.ac.id/info/info-pendaftaran-international-program/</t>
  </si>
  <si>
    <t>iro@itb.ac.id (ITB) and iro@sbm-itb.ac.id (SBM)</t>
  </si>
  <si>
    <t>IELTS 5.5, TOEFL 90</t>
  </si>
  <si>
    <t>Maybe Bahasa Indonesia, basic level OK</t>
  </si>
  <si>
    <t>not specified</t>
  </si>
  <si>
    <t>https://admission.itb.ac.id/info/program-studi/</t>
  </si>
  <si>
    <t>https://itb.ac.id/housing</t>
  </si>
  <si>
    <t>September 30th - January 3rd</t>
  </si>
  <si>
    <t>January 5th to January 30th</t>
  </si>
  <si>
    <t>April 1st to June 30th</t>
  </si>
  <si>
    <t>June 30th to July 3rd</t>
  </si>
  <si>
    <t>Surabaya</t>
  </si>
  <si>
    <t>スラバヤ工科大学</t>
  </si>
  <si>
    <t>Institut Teknologi Sepuluh Nopember</t>
  </si>
  <si>
    <t>https://www.its.ac.id/international/experiencing-its/prospective-student/</t>
  </si>
  <si>
    <t>intladmission@its.ac.id</t>
  </si>
  <si>
    <t>500 of TOEFL score</t>
  </si>
  <si>
    <t>Nominated by SIT</t>
  </si>
  <si>
    <t>Lecture in English is optional</t>
  </si>
  <si>
    <t>https://www.its.ac.id/international/its-international-students/activity-calendar/</t>
  </si>
  <si>
    <t>March 1st to April 30th</t>
  </si>
  <si>
    <t>September 1st - November 30th</t>
  </si>
  <si>
    <t>カンボジア</t>
  </si>
  <si>
    <t>Phnom Penh</t>
  </si>
  <si>
    <t>カンボジア工科大学</t>
  </si>
  <si>
    <t>Institute of Technology of Cambodia</t>
  </si>
  <si>
    <t>www.itc.edu.kh</t>
  </si>
  <si>
    <t>info@itc.edu.kh</t>
  </si>
  <si>
    <t>Can communicate with lecturers and other students or IELTS 5.0</t>
  </si>
  <si>
    <t>No requirement</t>
  </si>
  <si>
    <t>No, we accept any student nominated by SIT</t>
  </si>
  <si>
    <t>NO</t>
  </si>
  <si>
    <t>September to December (Semester from Mid-February to Mid-July)</t>
  </si>
  <si>
    <t>May to August (Semester from October to Mid-February)</t>
  </si>
  <si>
    <t>São Caetano do Sul - SP</t>
  </si>
  <si>
    <t>マウア工科大学</t>
  </si>
  <si>
    <t>Instituto Maua de Tecnologia</t>
  </si>
  <si>
    <t>https://www.maua.br/en/international-relations</t>
  </si>
  <si>
    <t>relacoes-internacionais@maua.br</t>
  </si>
  <si>
    <t>not needed</t>
  </si>
  <si>
    <t>https://www.maua.br/en/international-relations/modules-taught-in-english-2024</t>
  </si>
  <si>
    <t>we support students</t>
  </si>
  <si>
    <t>October 1 to November 15</t>
  </si>
  <si>
    <t>March 1 to April 30</t>
  </si>
  <si>
    <t>国際イスラム大学</t>
  </si>
  <si>
    <t>International Islamic University Malaysia</t>
  </si>
  <si>
    <t>https://www.iium.edu.my/v2/admissions/</t>
  </si>
  <si>
    <t>iceo@iium.edu.my</t>
  </si>
  <si>
    <t>Can speak English fluently and has certification letter from SIT</t>
  </si>
  <si>
    <t>Do not need as long as the students are nominated by SIT</t>
  </si>
  <si>
    <t>Approximately for USD210 for undergraduate and USD300 for postgraduate. This cost is not finalized since it is according to the type of program and level of study</t>
  </si>
  <si>
    <t>https://mahallah.iium.edu.my/</t>
  </si>
  <si>
    <t>1st October</t>
  </si>
  <si>
    <t>1st May</t>
  </si>
  <si>
    <t>31st May</t>
  </si>
  <si>
    <t xml:space="preserve">Kaohsiung </t>
  </si>
  <si>
    <t>義守大学</t>
  </si>
  <si>
    <t>I-Shou University</t>
  </si>
  <si>
    <t>https://www2.isu.edu.tw/2018/homepage_v01.php?dept_mno=654e</t>
  </si>
  <si>
    <t>wvhung@isu.edu.tw</t>
  </si>
  <si>
    <t>English,  CEFR-B1 for certain classes.</t>
  </si>
  <si>
    <t>https://www.isu.edu.tw/newsite/homepage.php?dept_mno=824</t>
  </si>
  <si>
    <t>https://www.isu.edu.tw/2018/homepage_v01.php?dept_mno=654</t>
  </si>
  <si>
    <t>Copenhagen</t>
  </si>
  <si>
    <t>https://www.ek.dk/english/exchange</t>
  </si>
  <si>
    <t>global@ek.dk</t>
  </si>
  <si>
    <t>https://www.ek.dk/english/exchange/housing</t>
  </si>
  <si>
    <t>Deadline Oct 15</t>
  </si>
  <si>
    <t>November 1</t>
  </si>
  <si>
    <t>May 1</t>
  </si>
  <si>
    <t>Kempten</t>
  </si>
  <si>
    <t>ケンプテン大学</t>
  </si>
  <si>
    <t>Kempten University of Applied Sciences</t>
  </si>
  <si>
    <t>https://www.hs-kempten.de/en/international/incoming/exchange-students</t>
  </si>
  <si>
    <t xml:space="preserve">nadine.schmied@hs-kempten.de or international@hs-kempten.de </t>
  </si>
  <si>
    <t>No official test is required, confirmation by SIT is sufficientrequired to have level B2 CEFR</t>
  </si>
  <si>
    <t>Exchange students may combine courses from different degree courses and faculties as long as that fits the requirements by their home universities and there is no time overlap.</t>
  </si>
  <si>
    <t>https://www.hs-kempten.de/fileadmin/Einrichtung/IO/Studium/Downloads/English-taught_courses_for_exchange_students_Kempten_University.pdf</t>
  </si>
  <si>
    <t xml:space="preserve">There is no tuition fee, however, a semester fee of 102 € currently. </t>
  </si>
  <si>
    <t>https://www.hs-kempten.de/en/international/incoming/exchange-students/getting-organised</t>
  </si>
  <si>
    <t>15 September until 31 October</t>
  </si>
  <si>
    <t xml:space="preserve">15 September until 15 November </t>
  </si>
  <si>
    <t>15 March until 30 April</t>
  </si>
  <si>
    <t>15 March until 31 May</t>
  </si>
  <si>
    <t>SEOUL</t>
  </si>
  <si>
    <t>高麗大学</t>
  </si>
  <si>
    <t>Korea University</t>
  </si>
  <si>
    <t>https://gsc.korea.ac.kr</t>
  </si>
  <si>
    <t>0</t>
  </si>
  <si>
    <t>https://sugang.korea.ac.kr/</t>
  </si>
  <si>
    <t xml:space="preserve"> Student pays tuition to home university</t>
  </si>
  <si>
    <t>https://dorm.korea.ac.kr/front/main</t>
  </si>
  <si>
    <t>Daegu</t>
  </si>
  <si>
    <t>慶北大学校</t>
  </si>
  <si>
    <t>Kyungpook National University</t>
  </si>
  <si>
    <t>https://en.knu.ac.kr/admission/exchange01.htm</t>
  </si>
  <si>
    <t>shinhj@knu.ac.kr</t>
  </si>
  <si>
    <t>https://en.knu.ac.kr/admission/exchange01.htm#:~:text=the%20fall%20Semester)-,Courses,-A%20variety%20of</t>
  </si>
  <si>
    <t>https://en.knu.ac.kr/campus/service03.htm</t>
  </si>
  <si>
    <t>September 9th to October 15th</t>
  </si>
  <si>
    <t>March 10th to April 15th</t>
  </si>
  <si>
    <t>April 15th to May 15th</t>
  </si>
  <si>
    <t>マレーシア・日本国際工科院</t>
  </si>
  <si>
    <t>Malaysia-Japan International Institute of Technology</t>
  </si>
  <si>
    <t>https://mjiit.utm.my/international-students/</t>
  </si>
  <si>
    <t>English proficiency: Student will be interviewed by the host faculty's representative if necessary</t>
  </si>
  <si>
    <t>Over 3.0 out of 4.0</t>
  </si>
  <si>
    <t>New Taipei City(新北市）</t>
  </si>
  <si>
    <t>明志科技大学</t>
  </si>
  <si>
    <t>Ming Chi University of Technology</t>
  </si>
  <si>
    <t>https://oia.mcut.edu.tw/p/412-1036-10469.php?Lang=zh-tw</t>
  </si>
  <si>
    <t>violetlee@mail.mcut.edu.tw</t>
  </si>
  <si>
    <t>CEFR B1</t>
  </si>
  <si>
    <t>http://210.240.241.15/AAS/frontshow/LinkCourseMasterList_EN.aspx?View=CML&amp;ddl_CMT=&amp;ddlSearchField_Year=113&amp;ddlCollege=&amp;ddlSR_NO=&amp;ddlA_DEPTID=&amp;Type=CML</t>
  </si>
  <si>
    <t>https://sa.mcut.edu.tw/var/file/9/1009/img/94/991644769.pdf</t>
  </si>
  <si>
    <t>August 1st to October 31st, 2024</t>
  </si>
  <si>
    <t>January 1st to April 30th, 2025</t>
  </si>
  <si>
    <t>Columbia</t>
  </si>
  <si>
    <t>ミズーリ工科大学</t>
  </si>
  <si>
    <t>Missouri University of Science and Technology</t>
  </si>
  <si>
    <t>https://studyabroad.mst.edu/studyatst/exchangepartnerinformation/</t>
  </si>
  <si>
    <t>studyabroad@mst.edu</t>
  </si>
  <si>
    <t>Duolingo: 115, Cambridge English: B2</t>
  </si>
  <si>
    <t>https://futurestudents.mst.edu/academic-programs/undergraduate-programs/</t>
  </si>
  <si>
    <t>1500USD estimated (books, insurance)</t>
  </si>
  <si>
    <t>https://reslife.mst.edu/</t>
  </si>
  <si>
    <t>July 1st to October 1st (flexible)</t>
  </si>
  <si>
    <t>August 1st to November 1st (flexible)</t>
  </si>
  <si>
    <t>January 1st to April 1st (flexible)</t>
  </si>
  <si>
    <t>January 1st to May 31st (flexible)</t>
  </si>
  <si>
    <t>メキシコ</t>
  </si>
  <si>
    <t>Ciudad de Mexico, Santa Fe, Guadalajara, Querétaro and Monterrey</t>
  </si>
  <si>
    <t>モンテレイ工科大学</t>
  </si>
  <si>
    <t>Monterrey Institute of Technology and Higher Education</t>
  </si>
  <si>
    <t>https://studyinmexico.tec.mx/en</t>
  </si>
  <si>
    <t>https://drive.google.com/file/d/1tncTGWOez57oE24sLGx2E7V4X31AWByn/view?usp=drive_link</t>
  </si>
  <si>
    <t>All students willing to register courses of Spanish as a Foreign Language and/or courses taught in Spanish must complete Online Spanish evaluation</t>
  </si>
  <si>
    <t>2.5/4</t>
  </si>
  <si>
    <t>https://drive.google.com/file/d/1BFFFV3LJigrZTIZ4EHe1QiwQWw1CcMos/view?usp=drive_link</t>
  </si>
  <si>
    <t>https://pi-21.tecmty.com/preeliminar</t>
  </si>
  <si>
    <t>https://studyinmexico.tec.mx/en/housing</t>
  </si>
  <si>
    <t>January 27 to November 21</t>
  </si>
  <si>
    <t>January 27 to November 28</t>
  </si>
  <si>
    <t>August 11m 2025 to May 29, 2026</t>
  </si>
  <si>
    <t>August 11, 2025 to June 5, 2026</t>
  </si>
  <si>
    <t>Taoyuan</t>
  </si>
  <si>
    <t>国立中央大学</t>
  </si>
  <si>
    <t>National Central University</t>
  </si>
  <si>
    <t>https://www.oia.ncu.edu.tw/index.php/en/prospective-students/exchange-programs.html</t>
  </si>
  <si>
    <t>ncuies@g.ncu.edu.tw</t>
  </si>
  <si>
    <t>Please note that most of the courses taught in English at NCU are in graduate level but allow junior and senior undergraduate to take. Therefore, an undergraduate student without Chinese Proficiency but with good English Proficiency should come to NCU for exchange on the 3rd year or 4th year of their undergraduate.</t>
  </si>
  <si>
    <t>https://cis.ncu.edu.tw/Course/main/news/announce</t>
  </si>
  <si>
    <t>Safety Insurance NTD 125 Internet Access Fee NTD 800</t>
  </si>
  <si>
    <t>September 1 to October 30</t>
  </si>
  <si>
    <t>February 1 to April 30</t>
  </si>
  <si>
    <t>Hualien</t>
  </si>
  <si>
    <t>国立東華大学</t>
  </si>
  <si>
    <t>National Dong Hwa University</t>
  </si>
  <si>
    <t>https://oia.ndhu.edu.tw/intl-student/program-information
https://oia.ndhu.edu.tw/visiting-student/inbound-exchange/inbound-ex-admissions</t>
  </si>
  <si>
    <t>issa@gms.ndhu.edu.tw</t>
  </si>
  <si>
    <t xml:space="preserve">No language proficiency requirement. </t>
  </si>
  <si>
    <t>No GPA requirement.</t>
  </si>
  <si>
    <t>https://oia.ndhu.edu.tw/intl-student/program-information</t>
  </si>
  <si>
    <t>    Accommodation fee ( NTD 10,000 per semester )     Administration fee ( NTD 1,000 per semester )     Medical Insurance fee (NTD 3,000 per semester)     Books, meals, transportation and other personal and medical expenses, culture trip fee.</t>
  </si>
  <si>
    <t>https://rb005.ndhu.edu.tw/p/412-1005-19158.php</t>
  </si>
  <si>
    <t>10/1 to 11/15</t>
  </si>
  <si>
    <t>3/1 to 4/15</t>
  </si>
  <si>
    <t>Taipei</t>
  </si>
  <si>
    <t>台北科技大学</t>
  </si>
  <si>
    <t>National Taipei University of Technology</t>
  </si>
  <si>
    <t>https://oia.ntut.edu.tw/p/412-1032-13815.php?Lang=en</t>
  </si>
  <si>
    <t>Taipei Tech does not request an official language proficiency score, but students should be able to take courses in either English or Chinese (Mandarin).</t>
  </si>
  <si>
    <t>https://oia.ntut.edu.tw/p/412-1032-13818.php?Lang=en</t>
  </si>
  <si>
    <t>October 1st  to October 30th</t>
  </si>
  <si>
    <t>Keelung</t>
  </si>
  <si>
    <t>国立台湾海洋大学</t>
  </si>
  <si>
    <t>National Taiwan Ocean University</t>
  </si>
  <si>
    <t>https://oia.ntou.edu.tw/p/412-1022-6963.php?Lang=en</t>
  </si>
  <si>
    <t>marberthsu@email.ntou.edu.tw</t>
  </si>
  <si>
    <t>Equivalent to TOEFL score 60, IELTS score 5.0, TOEIC score 600</t>
  </si>
  <si>
    <t>If students are good in Mandarin, they can choose Mandarin-taught courses.</t>
  </si>
  <si>
    <t>https://shorturl.at/tapDS</t>
  </si>
  <si>
    <t>https://stu.ntou.edu.tw/p/412-1023-7545.php?Lang=en</t>
  </si>
  <si>
    <t>November 15</t>
  </si>
  <si>
    <t>May 31</t>
  </si>
  <si>
    <t>June 15</t>
  </si>
  <si>
    <t>台湾科技大学</t>
  </si>
  <si>
    <t>National Taiwan University of Science and Technology</t>
  </si>
  <si>
    <t>https://oia-r.ntust.edu.tw/p/412-1060-8919.php?Lang=en</t>
  </si>
  <si>
    <t>at least CEFR B1</t>
  </si>
  <si>
    <t>Depends on the professor</t>
  </si>
  <si>
    <t>https://querycourse.ntust.edu.tw/querycourse/#/</t>
  </si>
  <si>
    <t xml:space="preserve">学生寮なし
</t>
    <rPh sb="0" eb="3">
      <t>ガクセイリョウ</t>
    </rPh>
    <phoneticPr fontId="5"/>
  </si>
  <si>
    <t>https://oia-r.ntust.edu.tw/p/412-1060-8941.php?Lang=en</t>
  </si>
  <si>
    <t>September to October 15th</t>
  </si>
  <si>
    <t>September to October 30th</t>
  </si>
  <si>
    <t>March to April 15th</t>
  </si>
  <si>
    <t>March to April 30th</t>
  </si>
  <si>
    <t>Hsinchu</t>
  </si>
  <si>
    <t>国立清華大学</t>
  </si>
  <si>
    <t>National Tsing Hua University</t>
  </si>
  <si>
    <t>https://oga.site.nthu.edu.tw/p/412-1524-18681.php?Lang=en</t>
  </si>
  <si>
    <t>cyuliu@mx.nthu.edu.tw</t>
  </si>
  <si>
    <t>TOEFL iBT 79 / IELTS 6.0</t>
  </si>
  <si>
    <t xml:space="preserve">Some departments ask for Chinese Proficiency :
Department of Early Childhood Education (Chinese Proficiency - TOCFL C2)
Graduate Institute of Philosophy (Chinese Proficiency - TOCFL A2)
Department of Special Education (Chinese Proficiency -TOCFL B2)
</t>
  </si>
  <si>
    <t>3.0 / 4.3</t>
  </si>
  <si>
    <t>https://www.ccxp.nthu.edu.tw/ccxp/INQUIRE/JH/6/6.2/6.2.9/JH629001.php</t>
  </si>
  <si>
    <t>https://www.ccxp.nthu.edu.tw/ccxp/INQUIRE/JH/6/6.2/6.2.H/JH62h001.php</t>
  </si>
  <si>
    <t>https://sthousing.site.nthu.edu.tw/index.php?Lang=en</t>
  </si>
  <si>
    <t>September 1 to November 1</t>
  </si>
  <si>
    <t>February 1 to April 1</t>
  </si>
  <si>
    <t>February 1 to April 15</t>
  </si>
  <si>
    <t>ラオス</t>
  </si>
  <si>
    <t>Vientiane</t>
  </si>
  <si>
    <t>ラオス国立大学</t>
  </si>
  <si>
    <t>National University of Laos</t>
  </si>
  <si>
    <t>soubin@nuol.edu.la</t>
  </si>
  <si>
    <t>TOEFL, TOEIC</t>
  </si>
  <si>
    <t>Lao</t>
  </si>
  <si>
    <t>Over 2.5 out of 4.0</t>
  </si>
  <si>
    <t>https://feb.nuol.edu.la/la/</t>
  </si>
  <si>
    <t>Less 1000 USD. More detail can be contacted by email.</t>
  </si>
  <si>
    <t>Accommodation detail can be contacted the university coordinator.</t>
  </si>
  <si>
    <t>September 1st - October 31st</t>
  </si>
  <si>
    <t>November 1st - December 31st</t>
  </si>
  <si>
    <t>June 1st to July 31st</t>
  </si>
  <si>
    <t>Gurugram</t>
  </si>
  <si>
    <t>ノースキャップ大学</t>
  </si>
  <si>
    <t>NorthCap University</t>
  </si>
  <si>
    <t>https://www.ncuindia.edu/international-relations/</t>
  </si>
  <si>
    <t>deaninternational@ncuindia.edu</t>
  </si>
  <si>
    <t>https://www.ncuindia.edu/school/department-of-cse/</t>
  </si>
  <si>
    <t>Our office will help in finding a suitable and safe accomodation</t>
  </si>
  <si>
    <t>25th September-20th October</t>
  </si>
  <si>
    <t>21st October-15th November</t>
  </si>
  <si>
    <t>25th May - 20th June</t>
  </si>
  <si>
    <t>21st June-7th July</t>
  </si>
  <si>
    <t>ハンガリー</t>
  </si>
  <si>
    <t>Budapest</t>
  </si>
  <si>
    <t>オーブダ大学</t>
  </si>
  <si>
    <t>Obuda University</t>
  </si>
  <si>
    <t>https://uni-obuda.hu/en/</t>
  </si>
  <si>
    <t>incoming@uni-obuda.hu</t>
  </si>
  <si>
    <t>ECL</t>
  </si>
  <si>
    <t>Just English</t>
  </si>
  <si>
    <t>https://uni-obuda.hu/courses-for-exchange-students/</t>
  </si>
  <si>
    <t>リストは後日共有される予定</t>
    <rPh sb="4" eb="6">
      <t>ゴジツ</t>
    </rPh>
    <rPh sb="6" eb="8">
      <t>キョウユウ</t>
    </rPh>
    <rPh sb="11" eb="13">
      <t>ヨテイ</t>
    </rPh>
    <phoneticPr fontId="5"/>
  </si>
  <si>
    <t>5th November</t>
  </si>
  <si>
    <t>20th November</t>
  </si>
  <si>
    <t>15th May</t>
  </si>
  <si>
    <t>Curitiba</t>
  </si>
  <si>
    <t>パラナ教皇カトリック大学パラナ校</t>
  </si>
  <si>
    <t>Pontifical Catholic University of Paraná</t>
  </si>
  <si>
    <t>https://www.pucpr.br/international/undergraduate-admissions/</t>
  </si>
  <si>
    <t>exchange@pucpr.br</t>
  </si>
  <si>
    <t>B1/B2</t>
  </si>
  <si>
    <t>https://globalclasses.pucpr.br/en/</t>
  </si>
  <si>
    <t>approx. USD 40 (R$ 250)</t>
  </si>
  <si>
    <t>August 29 to October 31</t>
  </si>
  <si>
    <t>February 15 to April 30</t>
  </si>
  <si>
    <t>Rio de Janeiro- Brazil</t>
  </si>
  <si>
    <t>リオデジャネイロ・カトリック大学</t>
  </si>
  <si>
    <t>Pontificial Catholic University of Rio de Janeiro</t>
  </si>
  <si>
    <t>https://www.puc-rio.br/ensinopesq/ccci/incoming/</t>
  </si>
  <si>
    <t>incoming@puc-rio.br</t>
  </si>
  <si>
    <t xml:space="preserve">Although students are not required a specific level of proficiency in Portuguese language, all exchange students must take a placement test in order to confirm his/her knowledge of Portuguese on the first day of classes.   All exchange students are required to take the Portuguese course during regular academic term even if they apply to classes taught in English.  Students also have the opportunity to take an Intensive Portuguese as a Second Language course before the regular semester begins, although this course is not mandatory.  </t>
  </si>
  <si>
    <t xml:space="preserve">Each student will take a placement test to confirm his/her exact knowledge of Portuguese. This course aims to develop the student’s written and oral skills in Portuguese, preparing international students to attend regular courses at the university during the subsequent academic terms. http://www.puc-rio.br/ensinopesq/ccci/incoming/portuguese.  </t>
  </si>
  <si>
    <t>The International Office will analyze the student´s submitted materials including his/her application, letters of recommendation and transcript. Preference is given to students who have a Grade Point Average (GPA) of at least a 3.0. Students with less than a 3.0 GPA must have his/her university submit supporting documentation advocating for the student´s participation in the exchange program, upon which PUC will make a final decision.</t>
  </si>
  <si>
    <t>The principal language is portuguese however all department offer at leas one or two coureses in english to students with no knowledge in portuguese</t>
  </si>
  <si>
    <t>https://www.puc-rio.br/ensinopesq/ccci/incoming/study_english_puc.html</t>
  </si>
  <si>
    <t xml:space="preserve">Administrative cost - : R$ 1.023,00 Reais </t>
  </si>
  <si>
    <t>https://www.puc-rio.br/ensinopesq/ccci/incoming/housing.html</t>
  </si>
  <si>
    <t>Augut 25th to October 15th</t>
  </si>
  <si>
    <t>February 15th to May 15th</t>
  </si>
  <si>
    <t>Busan</t>
  </si>
  <si>
    <t>釜山大学校</t>
  </si>
  <si>
    <t>Pusan National University</t>
  </si>
  <si>
    <t>https://me.pusan.ac.kr/new/eng/main/index.asp</t>
  </si>
  <si>
    <t>rokjin17@pusan.ac.kr</t>
  </si>
  <si>
    <t>Equivalent to TOEFL score 60</t>
  </si>
  <si>
    <t>Do not need</t>
  </si>
  <si>
    <t>https://me.pusan.ac.kr/new/eng/sub02/sub02_01.asp</t>
  </si>
  <si>
    <t>I have no idea.</t>
  </si>
  <si>
    <t>Feb. 1st to Feb. 20th</t>
  </si>
  <si>
    <t>Feb. 1 to Feb. 20</t>
  </si>
  <si>
    <t>Aug. 7 to Aug. 23</t>
  </si>
  <si>
    <t>スペイン</t>
  </si>
  <si>
    <t>Barcelona</t>
  </si>
  <si>
    <t>ラモン・リュイ大学</t>
  </si>
  <si>
    <t>Ramon Llull University</t>
  </si>
  <si>
    <t>https://www.salleurl.edu/en/new-students/international-office/exchange-programs/incoming-students</t>
  </si>
  <si>
    <t>incoming-exchange@salleurl.edu</t>
  </si>
  <si>
    <t>B2 ENGLISH MINIMUM</t>
  </si>
  <si>
    <t>Over 2.0</t>
  </si>
  <si>
    <t>https://www.salleurl.edu/en/new-students/international-office/exchange-programs/incoming-students/list-courses</t>
  </si>
  <si>
    <t>https://www.salleurl.edu/en/living-barcelona</t>
  </si>
  <si>
    <t>September 2nd, until September 15th - 2024</t>
  </si>
  <si>
    <t>October 1st, until October 30th  - 2024</t>
  </si>
  <si>
    <t>April 1st until April 30th - 2025</t>
  </si>
  <si>
    <t>May 1st until May 30th - 2025</t>
  </si>
  <si>
    <t>Pathum Thani</t>
  </si>
  <si>
    <t>ランシット大学</t>
  </si>
  <si>
    <t>Rangsit University</t>
  </si>
  <si>
    <t>https://www.rsuip.org/programmes/exchange-programmes/inbound-exchange/</t>
  </si>
  <si>
    <t xml:space="preserve">Equivalent TOEFL score of 500 or higher, an IELTS score of 5.0 or higher, CEFR score B2,demonstrate a communicable level of English proficiency suitable for participating in an English-medium academic program. </t>
  </si>
  <si>
    <t>over 2.50 out of 4.00</t>
  </si>
  <si>
    <t>The class schedule will be sent again when it's ready, and for the course syllabus, you can send an email request to the address provided above.</t>
  </si>
  <si>
    <t>Student activity fees 5,000 Baht</t>
  </si>
  <si>
    <t>https://www.rsuip.org/admissions/international-student-support/accommodation/</t>
  </si>
  <si>
    <t>within September 23, 2024</t>
  </si>
  <si>
    <t>within September 30, 2024</t>
  </si>
  <si>
    <t>within April 11, 2025</t>
  </si>
  <si>
    <t>within April 30, 2025</t>
  </si>
  <si>
    <t>ラトビア</t>
  </si>
  <si>
    <t>Riga</t>
  </si>
  <si>
    <t>リガ工科大学</t>
  </si>
  <si>
    <t>Riga Technical University</t>
  </si>
  <si>
    <t>https://www.rtu.lv/en/internationalization/incoming-exchange/course-list-for-exchange-studies</t>
  </si>
  <si>
    <t>CEFR B2</t>
  </si>
  <si>
    <t xml:space="preserve">https://docs.google.com/spreadsheets/d/1SIjCCvuInIyZd7GH0bZt1tfL4fisTexaWUNmgaMktXE/edit?gid=559851259#gid=559851259 </t>
  </si>
  <si>
    <t>https://www.rtu.lv/en/studies/accomodation-1</t>
  </si>
  <si>
    <t>September 1 - November 1</t>
  </si>
  <si>
    <t>September 1 - November 15</t>
  </si>
  <si>
    <t>March 1 - May 1</t>
  </si>
  <si>
    <t>March 1 - May 15</t>
  </si>
  <si>
    <t>Glassboro</t>
  </si>
  <si>
    <t>ローワン大学</t>
  </si>
  <si>
    <t>Rowan University</t>
  </si>
  <si>
    <t>https://sites.rowan.edu/international/j1scholarsandstudents/j1-exchange-students/</t>
  </si>
  <si>
    <t>tessler@rowan.edu</t>
  </si>
  <si>
    <t>Duolingo - 110, PTE - 50; full language requirements: https://sites.rowan.edu/international/englishlanguagepolicy.html</t>
  </si>
  <si>
    <t>We do not have a minimum GPA requirement for inbound students. We assume that our partner institutions, including Kanagawa, will nominate students who meet their internal GPA requirements for going abroad. We typically see GPA minimums ranging from 2.5 to 3.0.</t>
  </si>
  <si>
    <t>https://sectiontally.rowan.edu/</t>
  </si>
  <si>
    <t>Note that these are approximate
Housing and meals:
Full Year Exchange -  $12,450
One Semester Exchange -  $5,550
School Supplies, books, insurance:
Full Year Exchange -  $5,625
One Semester Exchange -  $2,500</t>
    <phoneticPr fontId="5"/>
  </si>
  <si>
    <t>https://sites.rowan.edu/housing/housing-options/</t>
  </si>
  <si>
    <t>Deadline April 15th</t>
  </si>
  <si>
    <t>Deadline May 1st</t>
  </si>
  <si>
    <t>オセアニア</t>
  </si>
  <si>
    <t>オーストラリア</t>
  </si>
  <si>
    <t>Melbourne</t>
  </si>
  <si>
    <t>ロイヤルメルボルン工科大学</t>
  </si>
  <si>
    <t>Royal Melbourne Institute of Technology</t>
  </si>
  <si>
    <t>https://www.rmit.edu.au/study-with-us/levels-of-study/undergraduate-study/honours-degrees/bachelor-of-engineering-mechanical-engineering-honours-bh070</t>
  </si>
  <si>
    <t>global.experience@rmit.edu.au</t>
  </si>
  <si>
    <t>https://www.rmit.edu.au/study-with-us/international-students/programs-for-international-students/study-abroad-and-exchange/student-exchange</t>
  </si>
  <si>
    <t>https://www.rmit.edu.au/students/student-life/accommodation</t>
  </si>
  <si>
    <t xml:space="preserve">October 31st to Feb 28th (Tentative).  This can vary depending on the selected courses </t>
  </si>
  <si>
    <t xml:space="preserve">March 1st to April 30th (Tentative).  This can vary depending on the selected courses on the selected courses </t>
  </si>
  <si>
    <t xml:space="preserve"> October 31st to Feb 28th (Tentative).  This can vary depending on the selected courses </t>
  </si>
  <si>
    <t>Rome</t>
  </si>
  <si>
    <t>ローマ大学サピエンツァ</t>
  </si>
  <si>
    <t>Sapienza University of Rome</t>
  </si>
  <si>
    <t>https://www.uniroma1.it/en/pagina/overseas-programme-student-mobility-non-eu</t>
  </si>
  <si>
    <t>ソウル科学技術大学</t>
  </si>
  <si>
    <t>Seoul National University of Science and Technology</t>
  </si>
  <si>
    <t>https://global.seoultech.ac.kr/bound/inbound/overview</t>
  </si>
  <si>
    <t>exchange_seoultech@seoultech.ac.kr</t>
  </si>
  <si>
    <t>Cambridge English Scale 160 / Global Scale of English (Pearson) 59</t>
  </si>
  <si>
    <t>3.0 out of 4.5</t>
  </si>
  <si>
    <t>https://global.seoultech.ac.kr/bound/inbound/course</t>
  </si>
  <si>
    <t>Dormitory fee</t>
  </si>
  <si>
    <t>https://domi.seoultech.ac.kr/</t>
  </si>
  <si>
    <t>before Oct 15, 2025</t>
  </si>
  <si>
    <t>before Oct 31, 2025</t>
  </si>
  <si>
    <t>before Apr 15, 2026</t>
  </si>
  <si>
    <t>before Apr 31, 2026</t>
  </si>
  <si>
    <t>Nakhon Pathom</t>
  </si>
  <si>
    <t>シラパコーン大学</t>
  </si>
  <si>
    <t>Silpakorn University</t>
  </si>
  <si>
    <t>https://www.mesilpakorn.com/  or  http://matse.su.ac.th/   or   https://sites.google.com/site/iesilpakorn/</t>
  </si>
  <si>
    <t>fac-en@silpakorn.edu</t>
  </si>
  <si>
    <t>CEFR B1 level or depending on the course committee/interviewer</t>
  </si>
  <si>
    <t>Do not need GPA requirement, but should graduated in the same field that you are going to apply.</t>
  </si>
  <si>
    <t>https://eng2.su.ac.th/</t>
  </si>
  <si>
    <t>about 650-1400 USD per semester</t>
  </si>
  <si>
    <t>no information website</t>
  </si>
  <si>
    <t>April 1st to May 30th</t>
  </si>
  <si>
    <t>ソルボンヌ大学</t>
  </si>
  <si>
    <t>Sorbonne University</t>
  </si>
  <si>
    <t>https://sciences.sorbonne-universite.fr/en/masters/master-computer-science</t>
  </si>
  <si>
    <t>Sciences-DFIPVE-mobilite-in@sorbonne-universite.fr</t>
  </si>
  <si>
    <t xml:space="preserve">Can speak English fluently </t>
  </si>
  <si>
    <t>https://www.ciup.fr/en/</t>
  </si>
  <si>
    <t>September 1st to October 31st</t>
  </si>
  <si>
    <t>Lismore</t>
  </si>
  <si>
    <t>サザンクロス大学</t>
  </si>
  <si>
    <t>Southern Cross University</t>
  </si>
  <si>
    <t>https://www.scu.edu.au/study-at-scu/international-future-students/study-abroad/</t>
  </si>
  <si>
    <t>6.0 with no band less than 5.5</t>
  </si>
  <si>
    <t>https://courses.uow.edu.au/</t>
  </si>
  <si>
    <t>AU$6,400～AU$8,400</t>
  </si>
  <si>
    <t>Tainan</t>
  </si>
  <si>
    <t>南台科技大学</t>
  </si>
  <si>
    <t>Southern Taiwan University of Science and Technology</t>
  </si>
  <si>
    <t>https://www.stust.edu.tw/en/Degree_Programs</t>
  </si>
  <si>
    <t>oia@stust.edu.tw</t>
  </si>
  <si>
    <t>Equivalent to IELTS score 5</t>
  </si>
  <si>
    <t xml:space="preserve">English, IELTS 5 for English-taught programs. </t>
  </si>
  <si>
    <t>No specific GPA requirements.</t>
  </si>
  <si>
    <t>https://oia.stust.edu.tw/Sysid/oia/%E8%A1%A8%E5%96%AE%E4%B8%8B%E8%BC%89%E5%B0%88%E5%8D%80/%E5%90%84%E9%A1%9E%E6%96%87%E5%AE%A3/STUST%20%E6%8B%9B%E7%94%9F%E6%96%87%E5%AE%A3(%E8%8B%B1%E6%96%87%E7%89%88).pdf</t>
  </si>
  <si>
    <t>https://dorm-osa.stust.edu.tw/tc/node/intro-1</t>
  </si>
  <si>
    <t xml:space="preserve">Late of September to November 1st </t>
  </si>
  <si>
    <t xml:space="preserve">Late of November to December 15th </t>
  </si>
  <si>
    <t xml:space="preserve">Late of February to April 1st </t>
  </si>
  <si>
    <t xml:space="preserve">Late of April to May 15th </t>
  </si>
  <si>
    <t>Nakhon Ratchasima Thailand</t>
  </si>
  <si>
    <t>スラナリー工科大学</t>
  </si>
  <si>
    <t>Suranaree University of Technology</t>
  </si>
  <si>
    <t>https://cia.sut.ac.th/exchange/</t>
  </si>
  <si>
    <t>hataikan@g.sut.ac.th</t>
  </si>
  <si>
    <t>2.5/4.0</t>
  </si>
  <si>
    <t>Please contact Ms. Hataikan Tongjareon at hataikan@g.sut.ac.th for more information about SUT Student Exchange Program</t>
  </si>
  <si>
    <t>we offer tuition fee waiver up to 4 credits in each term</t>
  </si>
  <si>
    <t>We use trimester system the timeline is based on the academic calendar in each year</t>
  </si>
  <si>
    <t>Taipei, Tamsui</t>
  </si>
  <si>
    <t>淡江大学</t>
  </si>
  <si>
    <t>Tamkang University</t>
  </si>
  <si>
    <t>https://www.oieie.tku.edu.tw/oieie/?page_id=19613</t>
  </si>
  <si>
    <t>oicsa@mail2.tku.edu.tw</t>
  </si>
  <si>
    <t>Not required, but recommended: - CEFR B1 or equivalent for English-taught program. - TOCFL A2 level or equivalent for Chinese-taught program.</t>
  </si>
  <si>
    <t>Not required, but recommended:
- CEFR B1 or equivalent for English-taught program.
- TOCFL A2 level or equivalent for Chinese-taught program.</t>
  </si>
  <si>
    <t>2.0/4.0</t>
  </si>
  <si>
    <t>English version:
http://esquery.tku.edu.tw/acad/default.asp?func=eng
Guideline for searching courses:
https://reurl.cc/A4Dv18</t>
  </si>
  <si>
    <t>Your students do need to pay the academic fee, but have to pay the dormitory fees and so on</t>
  </si>
  <si>
    <t>please check the factsheet</t>
  </si>
  <si>
    <t>15 October to 31 October(TBC)</t>
  </si>
  <si>
    <t>1 November to 15 Novermber(TBC)</t>
  </si>
  <si>
    <t>15 March to 31 March</t>
  </si>
  <si>
    <t>1 April to 15 April</t>
  </si>
  <si>
    <t>ウズベキスタン</t>
  </si>
  <si>
    <t>Tashkent</t>
  </si>
  <si>
    <t>タシュケント情報技術大学</t>
  </si>
  <si>
    <t>Tashkent University of Information Technologies</t>
  </si>
  <si>
    <t>tuit.uz</t>
  </si>
  <si>
    <t>interdep@tuit.uz or ituityusupov@gmail.com</t>
  </si>
  <si>
    <t>B2 or IELTS 5.0</t>
  </si>
  <si>
    <t>3.0 out of 4.0</t>
  </si>
  <si>
    <t>https://tuit.uz/en/bakalavriat-kunduzgi</t>
  </si>
  <si>
    <t>October 15th  to November 15th</t>
  </si>
  <si>
    <t>November 15th to December 1st</t>
  </si>
  <si>
    <t>April 15th to March 1st</t>
  </si>
  <si>
    <t>March15th to March 31st</t>
  </si>
  <si>
    <t>泰日工業大学</t>
  </si>
  <si>
    <t>Thai-Nichi Institute of Technology</t>
  </si>
  <si>
    <t>https://tnic.tni.ac.th/</t>
  </si>
  <si>
    <t>tnic@tni.ac.th</t>
  </si>
  <si>
    <t>Not required</t>
  </si>
  <si>
    <t>No GPA requirment</t>
  </si>
  <si>
    <t>https://www.tni.ac.th/student_doc_ebook/</t>
  </si>
  <si>
    <t>academic fees don't exceed 100USD</t>
  </si>
  <si>
    <t>https://www.renthub.in.th/univ-place-%E0%B8%AB%E0%B8%AD%E0%B8%9E%E0%B8%B1%E0%B8%81%E0%B8%AB%E0%B8%8D%E0%B8%B4%E0%B8%87-%E0%B8%9E%E0%B8%B1%E0%B8%92%E0%B8%99%E0%B8%B2%E0%B8%81%E0%B8%B2%E0%B8%A3-37-%E0%B8%95%E0%B8%B4%E0%B8%94-tni-%E0%B8%AA%E0%B8%96%E0%B8%B2%E0%B8%9A%E0%B8%B1%E0%B8%99%E0%B9%80%E0%B8%97%E0%B8%84%E0%B8%AF-%E0%B9%84%E0%B8%97%E0%B8%A2-%E0%B8%8D%E0%B8%B5%E0%B9%88%E0%B8%9B%E0%B8%B8%E0%B9%88%E0%B8%99</t>
  </si>
  <si>
    <t>Jan 1st to Jan 31st</t>
  </si>
  <si>
    <t>Mid June to Mid Oct</t>
  </si>
  <si>
    <t>Aug 1st to Aug 31st</t>
  </si>
  <si>
    <t>Mid Nov to Mid Feb</t>
  </si>
  <si>
    <t xml:space="preserve">Songkhla, Thailand </t>
  </si>
  <si>
    <t>タクシン大学</t>
  </si>
  <si>
    <t>Thaksin University</t>
  </si>
  <si>
    <t>https://scidi.tsu.ac.th/</t>
  </si>
  <si>
    <t>khwanchit@tsu.ac.th</t>
  </si>
  <si>
    <t xml:space="preserve">Able to communicate fluently </t>
  </si>
  <si>
    <t>over 2.5</t>
  </si>
  <si>
    <t>Material and chemistry (skanokphorn@yahoo.com), life science, year 2 (n_numkum@hotmail.com), year 4 (supaporn.s@tsu.ac.th)</t>
  </si>
  <si>
    <t>November 11</t>
  </si>
  <si>
    <t xml:space="preserve">September </t>
  </si>
  <si>
    <t>March</t>
  </si>
  <si>
    <t>Pathumtani</t>
  </si>
  <si>
    <t>タマサート大学</t>
  </si>
  <si>
    <t>Thammasat University</t>
  </si>
  <si>
    <t>https://www.tep.engr.tu.ac.th/</t>
  </si>
  <si>
    <t>Nmonthik@engr.tu.ac.th</t>
  </si>
  <si>
    <t xml:space="preserve">Not required </t>
  </si>
  <si>
    <t xml:space="preserve">We offer English only </t>
  </si>
  <si>
    <t>https://drive.google.com/drive/folders/1DNZMU02Zcw2r-J0I6Fo-9xQCu_YAqiD0</t>
  </si>
  <si>
    <t>Around THB10,000</t>
  </si>
  <si>
    <t xml:space="preserve">No website </t>
  </si>
  <si>
    <t>Same period as the nomination period</t>
  </si>
  <si>
    <t>https://vnuk.edu.vn/en/about/</t>
  </si>
  <si>
    <t>ローマ・トルヴェルガタ大学</t>
  </si>
  <si>
    <t>Tor Vergata University of Rome</t>
  </si>
  <si>
    <t>https://web.uniroma2.it/en/percorso/international/sezione/incoming_students</t>
  </si>
  <si>
    <t>can speak English fluently</t>
  </si>
  <si>
    <t>Italian may help</t>
  </si>
  <si>
    <t>https://web.uniroma2.it/en/percorso/academics</t>
  </si>
  <si>
    <t>housing@uniroma2.it</t>
  </si>
  <si>
    <t>October 1st to November 15th</t>
  </si>
  <si>
    <t>October 1st to November 30th</t>
  </si>
  <si>
    <t>UCSI大学</t>
  </si>
  <si>
    <t>UCSI University</t>
  </si>
  <si>
    <t>https://www.ucsiuniversity.edu.my/undergraduate</t>
  </si>
  <si>
    <t>geo@ucsiuniversity.edu.my</t>
  </si>
  <si>
    <t xml:space="preserve"> TOEFL PBT   417 (Minimum Score)   TOEFL iBT   35 (Minimum Score)   IELTS   5.0 (Minimum Score)   Linguaskill   B1 – 140 (Minimum Score)          Exemption   Students from partner universities where English is the medium language of teaching. Students need to provide an Acknowledgement Letter or any documentary evidence as proof with the home institution’s official seal on it. </t>
  </si>
  <si>
    <t xml:space="preserve">Preference given to those who have 2.8 of Cumulative Grade Point Average (out of 4.0) and above. </t>
  </si>
  <si>
    <t>ttps://www.ucsiuniversity.edu.my/undergraduate</t>
  </si>
  <si>
    <t>https://www.ucsiuniversity.edu.my/accommodation/Kuala-Lumpur?display=Kuala-Lumpur-Campus</t>
  </si>
  <si>
    <t xml:space="preserve">12th September 2024 and 9th January 2025 </t>
  </si>
  <si>
    <t xml:space="preserve">3rd October 2024 and  6th February 2025 </t>
  </si>
  <si>
    <t xml:space="preserve"> 15th May 2025</t>
  </si>
  <si>
    <t>5th June 2025</t>
  </si>
  <si>
    <t>Aguascalientes</t>
  </si>
  <si>
    <t>パンアメリカン大学</t>
  </si>
  <si>
    <t>Universidad Panamericana</t>
  </si>
  <si>
    <t>https://sites.google.com/up.edu.mx/ia-incoming/nomination-information?authuser=0</t>
  </si>
  <si>
    <t>stomek@up.edu.mx</t>
  </si>
  <si>
    <t>B2, can speak English or Spanish at communication level for those courses</t>
  </si>
  <si>
    <t>English or Spanish, B2</t>
  </si>
  <si>
    <t xml:space="preserve">Do not need </t>
  </si>
  <si>
    <t xml:space="preserve">The courses taught in English every semster varies depending on demand. </t>
  </si>
  <si>
    <t>https://sites.google.com/up.edu.mx/ia-incoming/academic-information?authuser=0</t>
  </si>
  <si>
    <t>https://sites.google.com/up.edu.mx/alumnosinternacionalesup/vivienda-housing/viviendas-aguascalientes</t>
  </si>
  <si>
    <t>Sept 7-Oct 23</t>
  </si>
  <si>
    <t>Sept 21-Nov13</t>
  </si>
  <si>
    <t>Feb 16-Apr 10</t>
  </si>
  <si>
    <t>Mar 9-May 8</t>
  </si>
  <si>
    <t>Sleman</t>
  </si>
  <si>
    <t>ガジャマダ大学</t>
  </si>
  <si>
    <t>Universitas Gadjah Mada</t>
  </si>
  <si>
    <t>https://admission.ugm.ac.id/non-degree/student-exchange/</t>
  </si>
  <si>
    <t>admission@ugm.ac.id</t>
  </si>
  <si>
    <t>No issue with daily communication in English</t>
  </si>
  <si>
    <t xml:space="preserve">http://ugm.id/UGMCourses </t>
  </si>
  <si>
    <t>IDR 1,750,000 / credit</t>
  </si>
  <si>
    <t>August</t>
  </si>
  <si>
    <t>September - October</t>
  </si>
  <si>
    <t>February</t>
  </si>
  <si>
    <t>March - April</t>
  </si>
  <si>
    <t>カーン・ノルマンディー大学</t>
  </si>
  <si>
    <t>Universite Caen Normandie</t>
  </si>
  <si>
    <t>https://welcome.unicaen.fr/</t>
  </si>
  <si>
    <t>intl.interu.entrants@unicaen.fr</t>
  </si>
  <si>
    <t>Equivalent to TOEFL score min. 75</t>
  </si>
  <si>
    <t>French B2 if the student wants to choose courses taught in French</t>
  </si>
  <si>
    <t>https://esix.unicaen.fr/international/study-at-esix-normandie/</t>
  </si>
  <si>
    <t>Room is booked by the international relations office: https://www.crous-normandie.fr/logement/cite-universitaire-campus-1-secteur-caen/</t>
  </si>
  <si>
    <t>before September 30</t>
  </si>
  <si>
    <t>before October 31rst</t>
  </si>
  <si>
    <t>before May 10</t>
  </si>
  <si>
    <t>before June 15</t>
  </si>
  <si>
    <t>Kuantan and Pekan</t>
  </si>
  <si>
    <t>マレーシアパハン大学</t>
  </si>
  <si>
    <t>Universiti Malaysia Pahang Al-Sultan Abdullah</t>
  </si>
  <si>
    <t>https://heyzine.com/flip-book/50957103a6.html</t>
  </si>
  <si>
    <t>mobility@umpsa.edu.my</t>
  </si>
  <si>
    <t>Can speak English/ Equivalent to IELTS 6.0</t>
  </si>
  <si>
    <t>150 USD</t>
  </si>
  <si>
    <t>October 1st to Nov 30th</t>
  </si>
  <si>
    <t>April 1st to May 31st</t>
  </si>
  <si>
    <t>Selangor</t>
  </si>
  <si>
    <t>マレーシアプトラ大学</t>
  </si>
  <si>
    <t>Universiti Putra Malaysia</t>
  </si>
  <si>
    <t>https://intl.upm.edu.my/</t>
  </si>
  <si>
    <t>English Level Certificate</t>
  </si>
  <si>
    <t>English, Have a good command of the English language in both speaking and writing</t>
  </si>
  <si>
    <t>minimum 3.00 cgpa (3.00 to 4.00 cgpa)</t>
  </si>
  <si>
    <t>https://els.edu.my/location/els-universiti-putra-malaysia</t>
  </si>
  <si>
    <t>is provided in the information sheet</t>
  </si>
  <si>
    <t>deadline 31/05/2025</t>
  </si>
  <si>
    <t>deadline  31/10/2024</t>
  </si>
  <si>
    <t>Malacca</t>
  </si>
  <si>
    <t>マレーシア・マラッカ技術大学</t>
  </si>
  <si>
    <t>Universiti Teknikal Malaysia Melaka</t>
  </si>
  <si>
    <t>https://ftkip.utem.edu.my/</t>
  </si>
  <si>
    <t>mohdsanusi@utem.edu.my</t>
  </si>
  <si>
    <t>not applicable</t>
  </si>
  <si>
    <t>as long as the students are nominated by SIT</t>
  </si>
  <si>
    <t>https://drive.google.com/file/d/1Hu4FAT37wrBS_A9yHTvVqEjgEpeM6OIB/view</t>
  </si>
  <si>
    <t>https://www.utem.edu.my/en/facilities.html</t>
  </si>
  <si>
    <t>until October 31st</t>
  </si>
  <si>
    <t>until May 30th</t>
  </si>
  <si>
    <t>2025</t>
  </si>
  <si>
    <t>JOHOR BAHRU</t>
  </si>
  <si>
    <t>マレーシア工科大学</t>
  </si>
  <si>
    <t>Universiti Teknologi Malaysia</t>
  </si>
  <si>
    <t>https://international.utm.my/student-mobility-program/</t>
  </si>
  <si>
    <t>globaleducation@utm.my</t>
  </si>
  <si>
    <t>A special interview session will be conducted if necessary</t>
  </si>
  <si>
    <t>3.00 and above</t>
  </si>
  <si>
    <t>https://international.utm.my/student-mobility-program/inbound-mobility-programs/utm-student-exchange-program/</t>
  </si>
  <si>
    <t>MYR5200 - 5400</t>
  </si>
  <si>
    <t>We will inform few options to successful applicants</t>
  </si>
  <si>
    <t>November 1st to November 30th</t>
  </si>
  <si>
    <t>May 1st to May 31st</t>
  </si>
  <si>
    <t>June 1st to June 30th</t>
  </si>
  <si>
    <t>テナガ・ナショナル大学</t>
  </si>
  <si>
    <t>Universiti Tenaga Nasional</t>
  </si>
  <si>
    <t>https://www.uniten.edu.my</t>
  </si>
  <si>
    <t>mobility@uniten.edu.my</t>
  </si>
  <si>
    <t>linguaskill (154), Pearson test of English (47)</t>
  </si>
  <si>
    <t>3.0 or any students are nominated by SIT</t>
  </si>
  <si>
    <t>For accommodation, student can stay in the campus or outside with different charges from the tuition fees. Applicant also can refer from the flyers or website</t>
  </si>
  <si>
    <t>https://www.uniten.edu.my/</t>
  </si>
  <si>
    <t>Tuition waived if reciprocal students if not fees is based on the subject taken.</t>
  </si>
  <si>
    <t>https://www.uniten.edu.my/campus-life/accommodation-putrajaya/</t>
  </si>
  <si>
    <t>August 1st  to August 31st</t>
  </si>
  <si>
    <t>May 1st  to May 30th</t>
  </si>
  <si>
    <t>Batu Pahat</t>
  </si>
  <si>
    <t>マレーシア・トゥン・フセイン・オン大学</t>
  </si>
  <si>
    <t>Universiti Tun Hussein Onn Malaysia</t>
  </si>
  <si>
    <t>https://io.uthm.edu.my/student-mobility/inbound/inbound-semester-exchange</t>
  </si>
  <si>
    <t>IBT</t>
  </si>
  <si>
    <t>Minimum 2.75 CGPA</t>
  </si>
  <si>
    <t>https://io.uthm.edu.my</t>
  </si>
  <si>
    <t>Waived if institution possess an active MoU or MoA with UTHM</t>
  </si>
  <si>
    <t>https://io.uthm.edu.my/</t>
  </si>
  <si>
    <t>July 1st to 31st</t>
  </si>
  <si>
    <t>December 1st to December 31st</t>
  </si>
  <si>
    <t>Sintok</t>
  </si>
  <si>
    <t>ウタラマレーシア大学</t>
  </si>
  <si>
    <t>Universiti Utara Malaysia</t>
  </si>
  <si>
    <t>http://www.ciac.uum.edu.my/mobility</t>
  </si>
  <si>
    <t>mazrah@uum.edu.my</t>
  </si>
  <si>
    <t>http://hea.uum.edu.my/index.php/academic-handbook</t>
  </si>
  <si>
    <t>USD 715</t>
  </si>
  <si>
    <t>August 1st to September 31</t>
  </si>
  <si>
    <t>May 1 to June 30th</t>
  </si>
  <si>
    <t>July 1st to July 31st</t>
  </si>
  <si>
    <t>クアラルンプール大学</t>
  </si>
  <si>
    <t>University Kuala Lumpur</t>
  </si>
  <si>
    <t>https://www.unikl.edu.my/programmes/</t>
  </si>
  <si>
    <t>wannazhan@unikl.edu.my</t>
  </si>
  <si>
    <t>Can speak and understand good english</t>
  </si>
  <si>
    <t>English (good both speaking and writing)</t>
  </si>
  <si>
    <t>Nominated by SIT with good english</t>
  </si>
  <si>
    <t>all courses at UniKL are taught in English</t>
  </si>
  <si>
    <t>Not all campuses of UniKL having hostel in the university compound. The students can contact Ms Wan Nazhan (wannazhan@unikl.edu.my) for more information on the accommodation.</t>
  </si>
  <si>
    <t>15 October - 30 November</t>
  </si>
  <si>
    <t>15 April - 15 May</t>
  </si>
  <si>
    <t>15 May - 30 June</t>
  </si>
  <si>
    <t>Kuching, Sarawak</t>
  </si>
  <si>
    <t>サラワク大学</t>
  </si>
  <si>
    <t>University Malaysia Sarawak</t>
  </si>
  <si>
    <t>https://www.global.unimas.my/mobility/inbound</t>
  </si>
  <si>
    <t>mobility_app@unimas.my</t>
  </si>
  <si>
    <t>Pearson Test of English: minimum score of 51; Linguaskill Online: minimum score of 160</t>
  </si>
  <si>
    <t>Minimum CGPA requirement of 2.75 on a 4.0 scale</t>
  </si>
  <si>
    <t>https://www.unimas.my/undergraduate-programs</t>
  </si>
  <si>
    <t>https://www.unimasholdings.unimas.my/kolej-dahlia</t>
  </si>
  <si>
    <t>February 1st to Jun 30th</t>
  </si>
  <si>
    <t>Alicante</t>
  </si>
  <si>
    <t>アリカンテ大学</t>
  </si>
  <si>
    <t>University of Alicante</t>
  </si>
  <si>
    <t>https://sri.ua.es/en/movilidad/incoming-students.html</t>
  </si>
  <si>
    <t>globalmobility@ua.es</t>
  </si>
  <si>
    <t>Recommended: Spanish B1, English B2</t>
  </si>
  <si>
    <t>Spanish B1 for taking courses in Spanish in following dgrees: Spanish Language and Literature, English Studies, Arabic Studies, and Catalan Philology</t>
  </si>
  <si>
    <t>The offerings of courses in English may be limited depending on the degree program. https://web.ua.es/en/vr-ric/courses-in-english.html</t>
  </si>
  <si>
    <t>https://sri.ua.es/en/movilidad/incoming-students/exchange/choosing-your-subjects.html</t>
  </si>
  <si>
    <t>https://www.csidiomas.ua.es/en/services/accommodation</t>
  </si>
  <si>
    <t>deadline November 1st</t>
  </si>
  <si>
    <t>deadline November 15th</t>
  </si>
  <si>
    <t>deadline June 1st</t>
  </si>
  <si>
    <t>Deadline June 15th</t>
  </si>
  <si>
    <t>NYSA</t>
  </si>
  <si>
    <t>ニサ応用化学大学</t>
  </si>
  <si>
    <t>University of Applied Sciences in Nysa to your University</t>
  </si>
  <si>
    <t>https://pans.nysa.pl/org/ico</t>
  </si>
  <si>
    <t>international@pans.nysa.pl</t>
  </si>
  <si>
    <t>not need one as long as the students are nominated by SIT</t>
  </si>
  <si>
    <t>not aplicable</t>
  </si>
  <si>
    <t>November 30th</t>
  </si>
  <si>
    <t>June 15th</t>
  </si>
  <si>
    <t>June 30th</t>
  </si>
  <si>
    <t>オーストリア</t>
  </si>
  <si>
    <t>Vienna</t>
  </si>
  <si>
    <t>応用科学技術大学ウィーン校</t>
  </si>
  <si>
    <t>University of Applied Sciences Technikum Wien</t>
  </si>
  <si>
    <t>https://www.technikum-wien.at/en/international/student-mobility/</t>
  </si>
  <si>
    <t>incoming.students@technikum-wien.at</t>
  </si>
  <si>
    <t>https://media-hp.technikum-wien.at/media/20230309080942/Proof-of-English-Language-Ability.pdf</t>
  </si>
  <si>
    <t>no requirements, we trust our partner that they send us good students</t>
  </si>
  <si>
    <t>Recommendations will be provided during appliacation period</t>
  </si>
  <si>
    <t>October 15 to November 15</t>
  </si>
  <si>
    <t>February 15 to March 15</t>
  </si>
  <si>
    <t>March 15 to May 15</t>
  </si>
  <si>
    <t>Wels &amp; Hagenberg</t>
  </si>
  <si>
    <t>アッパーオーストリア応用科学大学</t>
  </si>
  <si>
    <t>University of Applied Sciences Upper Austria</t>
  </si>
  <si>
    <t>https://fh-ooe.at/en/international/exchange-students/incomings</t>
  </si>
  <si>
    <t>international@fh-wels.at</t>
  </si>
  <si>
    <t>English:  TOEFL iBT 78  OR  IELTS (academic) 6.0</t>
  </si>
  <si>
    <t>German, B2</t>
  </si>
  <si>
    <t>https://fh-ooe.at/en/international/exchange-students/incomings/course-catalogue</t>
  </si>
  <si>
    <t>https://fh-ooe.at/en/international/exchange-students/incomings/housing</t>
  </si>
  <si>
    <t xml:space="preserve">October 1st to November 15th </t>
  </si>
  <si>
    <t>April 1st to May 15th</t>
  </si>
  <si>
    <t>May 1st - June 1st</t>
  </si>
  <si>
    <t>Irvine</t>
  </si>
  <si>
    <t>カリフォルニア大学アーバイン校</t>
  </si>
  <si>
    <t>University of California, Irvine</t>
  </si>
  <si>
    <t>ip.ce.uci.edu</t>
  </si>
  <si>
    <t>ip@ce.uci.edu</t>
  </si>
  <si>
    <t>CSL: Duolingo 95; General &amp; Specialized: 115</t>
  </si>
  <si>
    <t>No GPA requirement for ASAP General or CSL; minimum 3.0 for ASAP Specialized</t>
  </si>
  <si>
    <t>please contact us</t>
  </si>
  <si>
    <t>ASAP CSL 2Q or 3Q = $15,500 - $22,500; ASAP General 1Q-3Q = $8,200 - $24,600; ASAP Specialized 1Q-3Q = 11,000-33,000</t>
  </si>
  <si>
    <t>https://ce.uci.edu/international/student-life/accommodations</t>
  </si>
  <si>
    <t>Now until January 25, 2026</t>
  </si>
  <si>
    <t>Now until February 25, 2026</t>
  </si>
  <si>
    <t>Now until July 17, 2026</t>
  </si>
  <si>
    <t>Now until August 17, 2026</t>
  </si>
  <si>
    <t>Danang</t>
  </si>
  <si>
    <t>ダナン工科大学</t>
  </si>
  <si>
    <t>University of Danang</t>
  </si>
  <si>
    <t>internationaloffice@vnuk.edu.vn</t>
  </si>
  <si>
    <t>Duolingo 90</t>
  </si>
  <si>
    <t>September 1 to October 1st</t>
  </si>
  <si>
    <t>May 1 to June 1</t>
  </si>
  <si>
    <t>June 1 to June 31</t>
  </si>
  <si>
    <t>Ho CHi Minh City</t>
  </si>
  <si>
    <t>ホーチミン経済大学</t>
  </si>
  <si>
    <t>University of Economics Ho Chi Minh City</t>
  </si>
  <si>
    <t>ai.ueh.edu.vn</t>
  </si>
  <si>
    <t>English, IELTS 5.0</t>
  </si>
  <si>
    <t>&gt; 3.5</t>
  </si>
  <si>
    <t>0USD</t>
  </si>
  <si>
    <t>https://ktx.ueh.edu.vn/</t>
  </si>
  <si>
    <t>February 1st to June 01St</t>
  </si>
  <si>
    <t>September 01 to December 01</t>
  </si>
  <si>
    <t>Ferrara</t>
  </si>
  <si>
    <t>フェラーラ大学</t>
  </si>
  <si>
    <t>University of Ferrara</t>
  </si>
  <si>
    <t>https://unife.coursecatalogue.cineca.it/</t>
  </si>
  <si>
    <t>silvio.simani@unife.it</t>
  </si>
  <si>
    <t>Italian B1</t>
  </si>
  <si>
    <t>Not needed</t>
  </si>
  <si>
    <t>120 Euros</t>
  </si>
  <si>
    <t>https://www.unife.it/en/live/city-services/accommodation</t>
  </si>
  <si>
    <t>January 1st to March 31st</t>
  </si>
  <si>
    <t>Mangilao</t>
  </si>
  <si>
    <t>グアム大学</t>
  </si>
  <si>
    <t>University of Guam</t>
  </si>
  <si>
    <t>https://www.uog.edu/admissions/undergraduate-students</t>
  </si>
  <si>
    <t>国際部に確認</t>
    <rPh sb="0" eb="3">
      <t>コクサイブ</t>
    </rPh>
    <rPh sb="4" eb="6">
      <t>カクニン</t>
    </rPh>
    <phoneticPr fontId="5"/>
  </si>
  <si>
    <t>Paper-based: 500
Computer-based: 173
Internet-based: 61</t>
  </si>
  <si>
    <t>We do not accept TOEIC</t>
  </si>
  <si>
    <t>over 2.5/4.0</t>
  </si>
  <si>
    <t>https://www.uog.edu/course-catalog</t>
  </si>
  <si>
    <t>$1764.00 for dorm stay. Additional $800.00 if the student would like to sign up for a meal plan.</t>
  </si>
  <si>
    <t>https://www.uog.edu/life-at-uog/residence-halls/</t>
  </si>
  <si>
    <t>Urbana</t>
  </si>
  <si>
    <t>イリノイ大学</t>
  </si>
  <si>
    <t>University of Illinois at Urbana Champaign</t>
  </si>
  <si>
    <t>https://www.studyabroad.illinois.edu/
 and 
https://faa.illinois.edu/current-students/study-abroad-faa-international-programs</t>
  </si>
  <si>
    <t>https://www.studyabroad.illinois.edu/incoming-students/incoming-application-process/instructions-components/index.html</t>
  </si>
  <si>
    <t>https://courses.illinois.edu/schedule</t>
  </si>
  <si>
    <t>https://www.studyabroad.illinois.edu/incoming-students/incoming-student-finances/index.html</t>
  </si>
  <si>
    <t>Villers les Nancy (France)</t>
  </si>
  <si>
    <t>ロレーヌ大学</t>
  </si>
  <si>
    <t>University of Lorraine</t>
  </si>
  <si>
    <t>https://telecomnancy.univ-lorraine.fr/lecole/useful-information/?lang=en</t>
  </si>
  <si>
    <t>contact-international@univ-lorraine.fr</t>
  </si>
  <si>
    <t>in case a student wishes to register to french lessons : around 330USD (300€)</t>
  </si>
  <si>
    <t>https://www.univ-lorraine.fr/welcome/en/finding-accommodation/</t>
  </si>
  <si>
    <t>15 may</t>
  </si>
  <si>
    <t>31 may</t>
  </si>
  <si>
    <t>15 october</t>
  </si>
  <si>
    <t>31 october</t>
  </si>
  <si>
    <t>マカオ</t>
  </si>
  <si>
    <t>Macao</t>
  </si>
  <si>
    <t>澳門大学</t>
  </si>
  <si>
    <t>University of Macau</t>
  </si>
  <si>
    <t>https://www.fst.um.edu.mo/academics/programs/</t>
  </si>
  <si>
    <t>ingridng@um.edu.mo</t>
  </si>
  <si>
    <t>The certificates issued from SIT also accept.</t>
  </si>
  <si>
    <t>over 3</t>
  </si>
  <si>
    <t>https://www.fst.um.edu.mo/academics/courses/</t>
  </si>
  <si>
    <t>https://srs.sao.um.edu.mo/accommodation-news-and-updates/</t>
  </si>
  <si>
    <t>September 15th to October 16th</t>
  </si>
  <si>
    <t>October 16th to November 3st</t>
  </si>
  <si>
    <t>March 1 st to April 15th</t>
  </si>
  <si>
    <t>April 15th to April 27th</t>
  </si>
  <si>
    <t>Miskolc</t>
  </si>
  <si>
    <t>ミシュコルツ大学</t>
  </si>
  <si>
    <t>University of Miskolc</t>
  </si>
  <si>
    <t>https://www.uni-miskolc.hu/en</t>
  </si>
  <si>
    <t>minimum level: B2, or an official document issued by the sending university confirming that the language of instruction is English.</t>
  </si>
  <si>
    <t>https://www.uni-miskolc.hu/graduate-programmes, https://www.uni-miskolc.hu/phd-programmes</t>
  </si>
  <si>
    <t>Kearney</t>
  </si>
  <si>
    <t>ネブラスカ大学カーニー校</t>
  </si>
  <si>
    <t>University of Nebraska, Kearney</t>
  </si>
  <si>
    <t>https://www.unk.edu/international/Scholars/J-1%20Scholars/j-1-scholar-information.php</t>
  </si>
  <si>
    <t>international@unk.edu</t>
  </si>
  <si>
    <t>2.5 out of 4.0</t>
  </si>
  <si>
    <t>https://www.unk.edu/academic_affairs/academic_publications/catalogs.php</t>
  </si>
  <si>
    <t xml:space="preserve">$1789.50 (for two semesters) </t>
  </si>
  <si>
    <t xml:space="preserve">Until October 1 </t>
  </si>
  <si>
    <t>Until May 1</t>
  </si>
  <si>
    <t>Until May 15</t>
  </si>
  <si>
    <t>Las Vegas</t>
  </si>
  <si>
    <t>ネバダ大学ラスベガス校</t>
  </si>
  <si>
    <t>University of Nevada, Las Vegas</t>
  </si>
  <si>
    <t>https://www.unlv.edu/engineering/eip</t>
  </si>
  <si>
    <t>jaekeun.cho@unlv.edu</t>
  </si>
  <si>
    <t>2.5 out of 4.0 or above</t>
  </si>
  <si>
    <t>https://css.unlv.nevada.edu/psc/lvcssprd/EMPLOYEE/SA/c/COMMUNITY_ACCESS.CLASS_SEARCH.GBL?&amp;</t>
  </si>
  <si>
    <t>Four Academic and Research Programs ($15,000/$7,500/$6,000/$4,800)</t>
  </si>
  <si>
    <t>https://www.unlv.edu/housing</t>
  </si>
  <si>
    <t>October 1st to October 7th</t>
  </si>
  <si>
    <t>October 8th to October 15th</t>
  </si>
  <si>
    <t>April 1st to April 7th</t>
  </si>
  <si>
    <t>April 8th to April 15th</t>
  </si>
  <si>
    <t>Fisciano</t>
  </si>
  <si>
    <t>サレルノ大学</t>
  </si>
  <si>
    <t>University of Salerno</t>
  </si>
  <si>
    <t>www.unisa.it</t>
  </si>
  <si>
    <t>didattica.cla@unisa.it</t>
  </si>
  <si>
    <t>https://www.cla.unisa.it</t>
  </si>
  <si>
    <t>The fee depends on the family income and can also be waived.</t>
  </si>
  <si>
    <t>https://www.adisurcampania.it/</t>
  </si>
  <si>
    <t>Tours</t>
  </si>
  <si>
    <t>トゥール大学</t>
  </si>
  <si>
    <t>University of Tours</t>
  </si>
  <si>
    <t>https://polytech.univ-tours.fr/english-version</t>
  </si>
  <si>
    <t>international.polytech@univ-tours.fr</t>
  </si>
  <si>
    <t>We recommend a B2 level</t>
  </si>
  <si>
    <t>Not needed if only courses in English or English friendly are selected. A B2 level in French is needed for courses taught in French.</t>
  </si>
  <si>
    <t>https://polytech.univ-tours.fr/version-francaise/navigation/cycle-ingenieur</t>
  </si>
  <si>
    <t>https://cces.univ-tours.fr/Accueil.php?language=EN</t>
  </si>
  <si>
    <t>https://international.univ-tours.fr/english-version/admission-process-for-exchange-students/2-accommodation</t>
  </si>
  <si>
    <t>October 1st to November 24th</t>
  </si>
  <si>
    <t>March 24th to May 30th</t>
  </si>
  <si>
    <t>March 31st to June 6th</t>
  </si>
  <si>
    <t>University of Transport and Communications</t>
  </si>
  <si>
    <t>Turin</t>
  </si>
  <si>
    <t>トリノ大学</t>
  </si>
  <si>
    <t>University of Turin</t>
  </si>
  <si>
    <t>https://www.physics.unito.it/do/home.pl https://www.chemistry.unito.it/do/home.pl</t>
  </si>
  <si>
    <t>international.sciences@unito.it</t>
  </si>
  <si>
    <t>We reccomend a B1 in English or Italian</t>
  </si>
  <si>
    <t>https://www.chemistry.unito.it/do/home.pl/View?doc=Academics.html#submenu https://fisica.campusnet.unito.it/do/home.pl/View?doc=Erasmus/erasmus_incoming.html</t>
  </si>
  <si>
    <t>https://en.unito.it/living-turin/when-you-arrive/housing</t>
  </si>
  <si>
    <t>February 15 - November 15</t>
  </si>
  <si>
    <t>November 30</t>
  </si>
  <si>
    <t>February 15 - June 15</t>
  </si>
  <si>
    <t>June 30</t>
  </si>
  <si>
    <t>Ulsan</t>
  </si>
  <si>
    <t>蔚山大学</t>
  </si>
  <si>
    <t>University of Ulsan</t>
  </si>
  <si>
    <t>https://international.ulsan.ac.kr/international/411</t>
  </si>
  <si>
    <t>international@mail.ulsan.ac.kr</t>
  </si>
  <si>
    <t>B2 or above(Students should be able to understand the courses entirely conducted in English.)</t>
  </si>
  <si>
    <t>Completed to upload on your OneDrive</t>
  </si>
  <si>
    <t>International Student Registration Fee(USD 80), Dormitory Fee(USD 800)</t>
  </si>
  <si>
    <t>https://international.ulsan.ac.kr/international/428</t>
  </si>
  <si>
    <t>October 15th</t>
  </si>
  <si>
    <t>April 15th</t>
  </si>
  <si>
    <t>ウィーン工科大学</t>
  </si>
  <si>
    <t>Vienna University of Technology</t>
  </si>
  <si>
    <t>jasec@tuwien.ac.at</t>
  </si>
  <si>
    <t>Yes, any equvivalent</t>
  </si>
  <si>
    <t>German CEFR-A2</t>
  </si>
  <si>
    <t>Undergraduate courses are thought entirely in German. German Master Courses offer a limited amount of courses in English language</t>
  </si>
  <si>
    <t>https://tiss.tuwien.ac.at/curriculum</t>
  </si>
  <si>
    <t>https://www.tuwien.at/en/studies/international/incoming-exchange-students/arrival-and-stay/accommodation-in-vienna</t>
  </si>
  <si>
    <t>June 15 to October 15</t>
  </si>
  <si>
    <t>January 15 to March 15</t>
  </si>
  <si>
    <t>リトアニア</t>
  </si>
  <si>
    <t>Vilnius</t>
  </si>
  <si>
    <t>ヴィリニュス・ゲディミナス工科大学</t>
  </si>
  <si>
    <t>Vilnius Gediminas Technical University</t>
  </si>
  <si>
    <t>https://vilniustech.lt/for-international-students/for-exchange-students/studies/319312?#319319</t>
  </si>
  <si>
    <t>exchange@vilniustech.lt</t>
  </si>
  <si>
    <t>TOEFL Paper 510, TOEFL iBT 72, TOEFL CBT 180, Duolingo English test online 100 or a certificate issued by the language department of Home University.</t>
  </si>
  <si>
    <t>English, a minimum B2 level (according to CEFR)</t>
  </si>
  <si>
    <t>https://vilniustech.lt/for-international-students/for-exchange-students/studies/319312?#319320</t>
  </si>
  <si>
    <t>https://vilniustech.lt/for-international-students/for-exchange-students/studies/319312?#319322</t>
  </si>
  <si>
    <t>1 October - 30 October</t>
  </si>
  <si>
    <t>15 October - 15 November</t>
  </si>
  <si>
    <t>15 March - 30 April</t>
  </si>
  <si>
    <t>15 March - 15 May</t>
  </si>
  <si>
    <t>ベルギー</t>
  </si>
  <si>
    <t>Kortrijk</t>
  </si>
  <si>
    <t>VIVES応用科学大学</t>
  </si>
  <si>
    <t>VIVES University of Applied Sciences</t>
  </si>
  <si>
    <t xml:space="preserve">https://www.vives.be/en/vives-international </t>
  </si>
  <si>
    <t>B2 EU</t>
  </si>
  <si>
    <t>https://www.vives.be/en/vives-international</t>
  </si>
  <si>
    <t>Mai 15</t>
  </si>
  <si>
    <t>ベトナム国家大学ハノイ校日越大学</t>
  </si>
  <si>
    <t>VNU VIETNAM JAPAN UNIVERSITY</t>
  </si>
  <si>
    <t>https://vju.ac.vn/en/academics/introduce/</t>
  </si>
  <si>
    <t>cooperation@vju.ac.vn</t>
  </si>
  <si>
    <t>No need</t>
  </si>
  <si>
    <t>Over 2.5</t>
  </si>
  <si>
    <t>July 1st to August 1st</t>
  </si>
  <si>
    <t>February 1st to February 30</t>
  </si>
  <si>
    <t>March 1st to April 1st</t>
  </si>
  <si>
    <t>Warsaw</t>
  </si>
  <si>
    <t>ワルシャワライフサイエンス大学</t>
  </si>
  <si>
    <t>Warsaw University of Life Sciences</t>
  </si>
  <si>
    <t>https://wepoint.sggw.edu.pl/</t>
  </si>
  <si>
    <t>exchange@sggw.edu.pl</t>
  </si>
  <si>
    <t>issued by home university, stating B2 level or higher</t>
  </si>
  <si>
    <t>4 out of 5</t>
  </si>
  <si>
    <t>https://sylabus.sggw.edu.pl/en/1/21/0/0/46/117</t>
  </si>
  <si>
    <t>https://akademiki.sggw.edu.pl/student-houses/our-student-residences/?lang=en</t>
  </si>
  <si>
    <t>October 30, 2025</t>
  </si>
  <si>
    <t>until December 15, 2025</t>
  </si>
  <si>
    <t>May 30, 2026</t>
  </si>
  <si>
    <t>until July 30, 2026</t>
  </si>
  <si>
    <t>スリランカ</t>
  </si>
  <si>
    <t>Kuliyapitiya</t>
  </si>
  <si>
    <t>ワヤンバ大学</t>
  </si>
  <si>
    <t>Wayamba University of Sri Lanka</t>
  </si>
  <si>
    <t>https://fas.wyb.ac.lk/</t>
  </si>
  <si>
    <t>arfas@wyb.ac.lk</t>
  </si>
  <si>
    <t>Can speak/read/write academic material in English</t>
  </si>
  <si>
    <t>Not required.</t>
  </si>
  <si>
    <t>Scale is 4.0</t>
  </si>
  <si>
    <t>All courses are taught in English</t>
  </si>
  <si>
    <t>Will be arranged by the faculty office</t>
  </si>
  <si>
    <t>October 1st  to November 30th</t>
  </si>
  <si>
    <t>Demeber 1 to December 31st</t>
  </si>
  <si>
    <t>Sydney</t>
  </si>
  <si>
    <t>西シドニー大学</t>
  </si>
  <si>
    <t>Western Sydney University</t>
  </si>
  <si>
    <t>https://www.westernsydney.edu.au/international/applying/how-to-apply/study-abroad</t>
  </si>
  <si>
    <t>Please submit enquiry via WesternNow: https://wsu.service-now.com/external?id=del_esm_sc_cat_item&amp;sys_id=ddf95886dbe7f4509dd2bc56f3961964&amp;sysparm_category=6ad3e49ddbcb58904f58e4340596192a</t>
  </si>
  <si>
    <t>https://hbook.westernsydney.edu.au/</t>
  </si>
  <si>
    <t>AUD $9240 per session (4 subjects)</t>
  </si>
  <si>
    <t>Session 1(February to June): 30 September</t>
  </si>
  <si>
    <t>Session 1(February to June): 31 October</t>
  </si>
  <si>
    <t>Session 2(July to November): 31 March</t>
  </si>
  <si>
    <t>Session 2(July to November): 30 April</t>
  </si>
  <si>
    <t>Zwolle</t>
  </si>
  <si>
    <t>ヴィンデスハイム大学</t>
  </si>
  <si>
    <t>Windesheim University of Applied Sciences</t>
  </si>
  <si>
    <t>https://www.windesheim.com/</t>
  </si>
  <si>
    <t>internationaloffice@windesheim.nl</t>
  </si>
  <si>
    <t>https://www.windesheim.com/practical-information/credits-and-grading</t>
  </si>
  <si>
    <t>Please for the complete list of Language level on https://www.windesheim.com/study-programmes/exchange-programmes/application-information</t>
  </si>
  <si>
    <t>https://www.windesheim.com/study-programmes/exchange-programmes</t>
  </si>
  <si>
    <t>Windesheim does not charge tuition fees for exchange students from partner universities.</t>
  </si>
  <si>
    <t>https://www.windesheim.com/practical-information/student-housing</t>
  </si>
  <si>
    <t>June 1st</t>
  </si>
  <si>
    <t>Wrocław</t>
  </si>
  <si>
    <t>ヴロツアフ工科大学</t>
  </si>
  <si>
    <t>Wroclaw University of Science and Technology</t>
  </si>
  <si>
    <t>https://crm.pwr.edu.pl/en/international-students/exchange-erasmus/incoming/erasmus-plus/faculty-departmental-coordinators</t>
  </si>
  <si>
    <t>barbara.jarosz@pwr.edu.pl</t>
  </si>
  <si>
    <t>B2 level is required</t>
  </si>
  <si>
    <t>B2 english</t>
  </si>
  <si>
    <t>https://crm.pwr.edu.pl/en/international-students/exchange-erasmus/incoming/erasmus-plus/courses-in-english</t>
  </si>
  <si>
    <t>https://crm.pwr.edu.pl/en/international-students/exchange-erasmus/incoming/practical-information/accommodation</t>
  </si>
  <si>
    <t>Gyeongsan-si, Gyeongsangbuk-do</t>
  </si>
  <si>
    <t>嶺南大学</t>
  </si>
  <si>
    <t>Yeungnam University</t>
  </si>
  <si>
    <t>https://ic.yu.ac.kr/ic/exchange/overview.do</t>
  </si>
  <si>
    <t>Incoming exchange students must be proficient enough in English or Korean to attend lectures and handle administrative procedures.</t>
  </si>
  <si>
    <t>Incoming exchange students must be proficient enough in English or Korean to attend
lectures and handle administrative procedures.</t>
  </si>
  <si>
    <t>3.0 or higher out of a maximum of 4.5</t>
  </si>
  <si>
    <t>https://ic.yu.ac.kr/ic/exchange/en-courses.do</t>
  </si>
  <si>
    <t>http://eggec.happydorm.or.kr/</t>
  </si>
  <si>
    <t>End of November</t>
  </si>
  <si>
    <t>End of May</t>
  </si>
  <si>
    <t>Hangzhou</t>
  </si>
  <si>
    <t>浙江工商大学</t>
  </si>
  <si>
    <t>Zhejiang Gongshang University</t>
  </si>
  <si>
    <t>https://sie.zjgsu.edu.cn/gjen/main.htm</t>
  </si>
  <si>
    <t>247772716@qq.com</t>
  </si>
  <si>
    <t>YES, Duolingo over 90/</t>
  </si>
  <si>
    <t>/</t>
  </si>
  <si>
    <t>GPA OVER 2.5</t>
  </si>
  <si>
    <t>https://sie.zjgsu.edu.cn/gjen/2117/list.htm</t>
  </si>
  <si>
    <t>20 USD for the textbooks</t>
  </si>
  <si>
    <t>Till End of March</t>
  </si>
  <si>
    <t>Till End of May</t>
  </si>
  <si>
    <t>Till End of October</t>
  </si>
  <si>
    <t>Till Middle of December</t>
  </si>
  <si>
    <t>Winterthur and Zurich</t>
  </si>
  <si>
    <t>チューリッヒ応用科学大学</t>
  </si>
  <si>
    <t>Zurich University of Applied Sciences</t>
  </si>
  <si>
    <t>https://www.zhaw.ch/en/engineering/study/international-office/incoming-exchange-students</t>
  </si>
  <si>
    <t>exchange.engineering@zhaw.ch</t>
  </si>
  <si>
    <t>https://www.zhaw.ch/storage/engineering/studium/internationales-studium/vom-ausland-in-die-schweiz/ZHAW_School_of_Engineering_Factsheet_-_Incoming_Exchange.pdf</t>
  </si>
  <si>
    <t>https://www.zhaw.ch/en/study/before-your-studies/student-accommodation#c72617</t>
  </si>
  <si>
    <t xml:space="preserve">October 15th </t>
  </si>
  <si>
    <t>March 15th</t>
  </si>
  <si>
    <t>April 1st</t>
  </si>
  <si>
    <t>チェンナイ工科大学</t>
  </si>
  <si>
    <t>Chennai Institute of Technology</t>
  </si>
  <si>
    <t>https://www.citchennai.edu.in/</t>
  </si>
  <si>
    <t xml:space="preserve"> dean.ir@citchennai.net</t>
  </si>
  <si>
    <t>If the medium of instruction in the students school is English</t>
  </si>
  <si>
    <t>English, B1</t>
  </si>
  <si>
    <t>Yes, SIT students need to provide the English language proficiency test.</t>
    <phoneticPr fontId="5"/>
  </si>
  <si>
    <t>Nil</t>
  </si>
  <si>
    <t>October 5th</t>
  </si>
  <si>
    <t>October 31st</t>
  </si>
  <si>
    <t>April 5th</t>
  </si>
  <si>
    <t>April 30th</t>
  </si>
  <si>
    <t>カナダ</t>
  </si>
  <si>
    <t>Toronto</t>
  </si>
  <si>
    <t>ハンバー・ポリテクニック</t>
  </si>
  <si>
    <t>Humber Polytechnic</t>
  </si>
  <si>
    <t>https://humber.ca/future-students.html?utm_source=google&amp;utm_medium=text_headline&amp;utm_campaign=2025_Apr_Humber_AO_Google_AW_PR_Brand_All__TX_EN_N%2FA_N%2FA&amp;gad_source=1&amp;gad_campaignid=22450060691&amp;gbraid=0AAAAA-oVF4g8enz95wqSM3cg-UjdNeuhZ&amp;gclid=CjwKCAjwiY_GBhBEEiwAFaghvt1oUJ6d9ylhoXNkJ3sD_v2GnjO2whX4224j1PjB28bTV15LecEnxhoCMSkQAvD_BwE</t>
  </si>
  <si>
    <t>studyabroad@humber.ca</t>
  </si>
  <si>
    <t>https://humber.ca/study-at-humber/apply/english-proficiency-requirements</t>
  </si>
  <si>
    <t>Good academic standing</t>
  </si>
  <si>
    <t>No, SIT students should have certain English proficiency, but they don't need to submit the test result.</t>
    <phoneticPr fontId="5"/>
  </si>
  <si>
    <t>$CAD 800</t>
  </si>
  <si>
    <t>学生寮へ申込可能</t>
    <phoneticPr fontId="5"/>
  </si>
  <si>
    <t>https://humber.ca/residence/</t>
  </si>
  <si>
    <t>October 3, 2025</t>
  </si>
  <si>
    <t>Oct 10, 2025</t>
  </si>
  <si>
    <t>April 20</t>
  </si>
  <si>
    <t>April 25</t>
  </si>
  <si>
    <t>HYDERABAD</t>
  </si>
  <si>
    <t>オスマニア大学</t>
  </si>
  <si>
    <t>Osmania University</t>
  </si>
  <si>
    <t>www.osmania.ac.in</t>
  </si>
  <si>
    <t>vc@osmania.ac.in</t>
  </si>
  <si>
    <t>English Speaking skills</t>
  </si>
  <si>
    <t>Any</t>
  </si>
  <si>
    <t>https://www.osmania.ac.in/ufro.php</t>
  </si>
  <si>
    <t>4000 USD</t>
  </si>
  <si>
    <t>学生寮確約</t>
    <phoneticPr fontId="5"/>
  </si>
  <si>
    <t>December to May</t>
  </si>
  <si>
    <t>December 1st  to March 31st</t>
  </si>
  <si>
    <t>March 1st  April 31st</t>
  </si>
  <si>
    <t>January 1st March 31st</t>
  </si>
  <si>
    <t>Serdang</t>
  </si>
  <si>
    <t>mobility@upm.edu.my</t>
  </si>
  <si>
    <t>Any English Level Certificates</t>
  </si>
  <si>
    <t>3.0 CGPA</t>
  </si>
  <si>
    <t>https://intl.upm.edu.my/mobility-2845</t>
  </si>
  <si>
    <t>Mobility fee (MYR532.50), Student Visa fee (MYR290), Medical Checkup fee (MYR400), Bench fee (MYR1000-MYR2000, if the faculty applies it)</t>
  </si>
  <si>
    <t>will share accommodation booklet to students</t>
  </si>
  <si>
    <t>マラ工科大学</t>
  </si>
  <si>
    <t>Universiti Teknologi Mara</t>
  </si>
  <si>
    <t>https://uitmglobal.uitm.edu.my/</t>
  </si>
  <si>
    <t>suzihaque@uitm.edu.my , dia@uitm.edu.my</t>
  </si>
  <si>
    <t>Can read &amp; speak English fluently</t>
  </si>
  <si>
    <t>All courses offered at UiTM is taught in English. For basic English, your student can join Faculty of Education</t>
  </si>
  <si>
    <t>This is for student exchange programme, Service Charge RM500, and normal visa fee according to country</t>
  </si>
  <si>
    <t>https://hep.uitm.edu.my/main/index.php/pejabat/kolej-kediaman/kolej-kediaman-kristal</t>
  </si>
  <si>
    <t>November 1st to December 31st</t>
  </si>
  <si>
    <t>Seri Iskandar, Perak</t>
  </si>
  <si>
    <t>ペトロナス工科大学</t>
  </si>
  <si>
    <t>Universiti Teknologi PETRONAS</t>
  </si>
  <si>
    <t>https://www.utp.edu.my/Pages/Students/Mobility%20Files/Inbound-Student-Exchange.aspx</t>
  </si>
  <si>
    <t>anies.rahman@utp.edu.my</t>
  </si>
  <si>
    <t>A minimum IELTS score of 5.0 OR A minimum TOEFL PBT score 500 OR A minimum TOEFL iBT score of 59 OR A minimum TOEFL CBT score of 173</t>
  </si>
  <si>
    <t>Not Applicable</t>
  </si>
  <si>
    <t>3.00/4.00</t>
  </si>
  <si>
    <t>No, however, SIT students need to submit an English Proficiency Certificate issued by SIT.</t>
    <phoneticPr fontId="5"/>
  </si>
  <si>
    <t>https://www.utp.edu.my/sites/Publishing/PublishingContent/StudentHandbook/index.aspx</t>
    <phoneticPr fontId="5"/>
  </si>
  <si>
    <t>USD1200 (inclusive of ​Admission Fee, In-campus Accommodation, Airport Pickup (return), Orientation Program, Access to Campus Facilities &amp; Post Arrival Visa Processing Fee)</t>
  </si>
  <si>
    <t>https://www.utp.edu.my/Pages/Students/Student%20Development%20and%20Services/Accommodations.aspx</t>
  </si>
  <si>
    <t>by 20 Sept (previous year)</t>
  </si>
  <si>
    <t>by 10th Oct (previous year)</t>
  </si>
  <si>
    <t>by 20th May</t>
  </si>
  <si>
    <t>by 10 June</t>
  </si>
  <si>
    <t>Putrajaya</t>
  </si>
  <si>
    <t>https://www.uniten.edu.my/student-hub/about-360-gem https://www.uniten.edu.my/training-services/edu-tourism</t>
  </si>
  <si>
    <t>Zue@uniten.edu.my / azlinamn@uniten.edu.my</t>
  </si>
  <si>
    <t>can speak/written English &amp; supported document from SIT</t>
  </si>
  <si>
    <t>no need</t>
  </si>
  <si>
    <t>2.5 out of 4.0 also can be accepted as long as nominated by SIT</t>
  </si>
  <si>
    <t>https://www.uniten.edu.my/student-hub/about-360-gem</t>
  </si>
  <si>
    <t>https://www.uniten.edu.my/training-services/edu-tourism</t>
  </si>
  <si>
    <t>350USD, 400USD, 450USD</t>
  </si>
  <si>
    <t>will provided later</t>
  </si>
  <si>
    <t>Malang</t>
  </si>
  <si>
    <t>ブラビジャヤ大学</t>
  </si>
  <si>
    <t>University of Brawijaya</t>
  </si>
  <si>
    <t>engagement.io@ub.ac.id</t>
  </si>
  <si>
    <t>Can speak English fluently, evident from the online interview with the applicants.</t>
  </si>
  <si>
    <t xml:space="preserve">
CEFR-B2</t>
  </si>
  <si>
    <t>https://selma.ub.ac.id/international-undergraduate-program-2025/</t>
  </si>
  <si>
    <t>https://www.ubguesthouse.co.id/2025/06/griya-kertabhumi-universitas-brawijaya.html</t>
  </si>
  <si>
    <t>October 1st to October 15th</t>
  </si>
  <si>
    <t>October 15th to October 31st</t>
  </si>
  <si>
    <t>April 15th to April 30th</t>
  </si>
  <si>
    <t>Milan, Italy</t>
  </si>
  <si>
    <t>ミラノ・ビコッカ大学</t>
  </si>
  <si>
    <t>University of Milano Bicocca</t>
  </si>
  <si>
    <t>https://en.unimib.it/study/course-catalogue-incoming-students</t>
  </si>
  <si>
    <t>segreteria.lingue@unimib.it</t>
  </si>
  <si>
    <t>B2 English, B1 Italian</t>
  </si>
  <si>
    <t>2.5 or higher – Minimum GPA required is 2.5.</t>
  </si>
  <si>
    <t>Housing | ESN Milano-Bicocca e mail: erasmus.network@esnbicocca.it Living in Milan as an expat | YesMilano e mail: welcomestudents@yesmilano.it Collegio di Milano – Info for Exchange Students e mail: admissionsoffice@collegiodimilano.it</t>
  </si>
  <si>
    <t>- Spring Term: 20 October</t>
  </si>
  <si>
    <t>- Spring Term: 30 November</t>
  </si>
  <si>
    <t>- Autumn Term: 20 May</t>
  </si>
  <si>
    <t>- Autumn Term: 30 June</t>
  </si>
  <si>
    <t>Colombo</t>
  </si>
  <si>
    <t>モロトゥワ大学</t>
  </si>
  <si>
    <t>University of Moratuwa</t>
  </si>
  <si>
    <t>bh.sudantha@gmail.com, sudanthabh@uom.lk</t>
  </si>
  <si>
    <t>Can speak and read English up to a manageable level is sufficient.</t>
  </si>
  <si>
    <t>250 USD</t>
  </si>
  <si>
    <t>Will be make available depending on their requirements</t>
  </si>
  <si>
    <t>September 1st to September 30th</t>
  </si>
  <si>
    <t>March 1st to March 31st</t>
  </si>
  <si>
    <t>Porsgrunn</t>
  </si>
  <si>
    <t>南東ノルウェー大学</t>
    <rPh sb="0" eb="1">
      <t>ミナミ</t>
    </rPh>
    <rPh sb="1" eb="2">
      <t>ヒガシ</t>
    </rPh>
    <rPh sb="7" eb="9">
      <t>ダイガク</t>
    </rPh>
    <phoneticPr fontId="5"/>
  </si>
  <si>
    <t>University of South-Eastern Norway</t>
  </si>
  <si>
    <t>https://www.usn.no/english/academics/find-programmes/engineering-courses-master-level-porsgrunn/</t>
  </si>
  <si>
    <t>incomingexchange@usn.no</t>
  </si>
  <si>
    <t xml:space="preserve">B2 </t>
  </si>
  <si>
    <t>https://www.usn.no/english/academics/how-to-apply/exchange-programs/nomination-of-exchange-students</t>
  </si>
  <si>
    <t>https://www.usn.no/english/academics/find-programmes/?tab=tab_studies&amp;q=&amp;filters[educationalLevel][selectedValues][]=bachelorLevel&amp;filters[educationalLevel][selectedValues][]=masterLevel</t>
  </si>
  <si>
    <t>https://www.ssn.no/en/housing/how-to-apply</t>
  </si>
  <si>
    <t>南アフリカ</t>
    <rPh sb="0" eb="1">
      <t>ミナミ</t>
    </rPh>
    <phoneticPr fontId="5"/>
  </si>
  <si>
    <t>Pretoria</t>
  </si>
  <si>
    <t>ツワネ工科大学</t>
    <phoneticPr fontId="5"/>
  </si>
  <si>
    <t>Tshwane University of Technology</t>
  </si>
  <si>
    <t>https://tut.ac.za/</t>
  </si>
  <si>
    <t>MotadiCC@tut.ac.za</t>
  </si>
  <si>
    <t>CEFR scale C1 and C2</t>
  </si>
  <si>
    <t>SIT to nominate students who are proficient in English</t>
  </si>
  <si>
    <t>https://tut.ac.za/images/docs/study/2026General-Information-First-Year-Enrolment.pdf</t>
  </si>
  <si>
    <t>July to December</t>
  </si>
  <si>
    <t>January</t>
  </si>
  <si>
    <t xml:space="preserve">January to June </t>
  </si>
  <si>
    <t xml:space="preserve">October </t>
  </si>
  <si>
    <t>ポーランド</t>
    <phoneticPr fontId="5"/>
  </si>
  <si>
    <t>Lodz</t>
  </si>
  <si>
    <t>ウッジ工科大学</t>
    <phoneticPr fontId="5"/>
  </si>
  <si>
    <t>Lodz University of Technology</t>
  </si>
  <si>
    <t>国際部へ確認</t>
    <rPh sb="0" eb="3">
      <t>コクサイブ</t>
    </rPh>
    <rPh sb="4" eb="6">
      <t>カクニン</t>
    </rPh>
    <phoneticPr fontId="5"/>
  </si>
  <si>
    <t>September 15 - November 15</t>
  </si>
  <si>
    <t>September 15 - November 30</t>
  </si>
  <si>
    <t xml:space="preserve">May 15 - July 15 </t>
  </si>
  <si>
    <t>May 15 - July 31</t>
  </si>
  <si>
    <t>フェニカ大学</t>
  </si>
  <si>
    <t>Phenikaa University</t>
  </si>
  <si>
    <t>https://eee.phenikaa-uni.edu.vn/en/category/academics/control-and-automation-engineering</t>
  </si>
  <si>
    <t>globalmobility@phenikaa-uni.edu.vn</t>
  </si>
  <si>
    <t>From IELTS6.0, 450 Toeic or equivalent, Can speak English fluently</t>
  </si>
  <si>
    <t>Not need one as long as the students are nominated by SIT</t>
  </si>
  <si>
    <t>We have courses in oriental studies, or english language.</t>
  </si>
  <si>
    <t>https://eee.phenikaa-uni.edu.vn/en/post/academics/control-and-automation-engineering/curriculum-and-course-catalog-eee/control-and-automation-engineering-program-curriculum</t>
  </si>
  <si>
    <t>Tuition will be waived or there will be a small fee for consumables (for labs)</t>
  </si>
  <si>
    <t>You can send accommodation inquiries to email globalmobility@phenikaa-uni.edu.vn</t>
  </si>
  <si>
    <t>The schedule will be flexible depending on the time period SIT students want to come.</t>
  </si>
  <si>
    <t>アフリカ</t>
    <phoneticPr fontId="5"/>
  </si>
  <si>
    <t>不要</t>
    <phoneticPr fontId="5"/>
  </si>
  <si>
    <t>〇</t>
    <phoneticPr fontId="5"/>
  </si>
  <si>
    <t>We request whatever kind of certificate (even issued by the University) stating at least a B2 level.</t>
  </si>
  <si>
    <t>Some courses which are taught in English are only at a master level, but all level students can access if they wish to.</t>
  </si>
  <si>
    <t>Italian B1 only for Italian taught courses</t>
  </si>
  <si>
    <t>学内エントリー時に必要</t>
    <rPh sb="0" eb="2">
      <t>ガクナイ</t>
    </rPh>
    <rPh sb="7" eb="8">
      <t>トキ</t>
    </rPh>
    <rPh sb="9" eb="11">
      <t>ヒツヨウ</t>
    </rPh>
    <phoneticPr fontId="5"/>
  </si>
  <si>
    <t>ビジネスアカデミーコペンハーゲン</t>
    <phoneticPr fontId="5"/>
  </si>
  <si>
    <t>Business Academy Copenhagen</t>
    <phoneticPr fontId="5"/>
  </si>
  <si>
    <t>B2</t>
    <phoneticPr fontId="5"/>
  </si>
  <si>
    <t>jtostado@tec.mx</t>
  </si>
  <si>
    <t>Overall test score 94 minimum
Speaking test score 25 minimum</t>
    <phoneticPr fontId="5"/>
  </si>
  <si>
    <t>Duoling:Overall test score 125 minimumSpeaking test score 145 minimum
Students need a proficiency equivalent to CEFR B2. They need to complete an interview with a coordinator at EK/KEA before admission. We reserve the right to reject students who do not have the required English proficiency as it is essential for success at EK/KEA</t>
    <phoneticPr fontId="5"/>
  </si>
  <si>
    <t>https://kuic.ku.ac.th/kasetsart-university-student-exchange-program/</t>
    <phoneticPr fontId="5"/>
  </si>
  <si>
    <t>fengclk@ku.ac.th
admission.kuic@ku.th</t>
    <phoneticPr fontId="5"/>
  </si>
  <si>
    <t>https://en.utc.edu.vn/Exchange%20Programs-2321804</t>
  </si>
  <si>
    <t>Any documents that might be supportive (Proof of language ability)</t>
  </si>
  <si>
    <t>September 30th 2025</t>
  </si>
  <si>
    <t>October 31st 2025</t>
  </si>
  <si>
    <t>April 30th 2026</t>
  </si>
  <si>
    <t>May 31st 2026</t>
  </si>
  <si>
    <t>https://cee.utar.edu.my/SEP/Inbound.php</t>
    <phoneticPr fontId="5"/>
  </si>
  <si>
    <t>ntlinh_dn@utc.edu.vn</t>
    <phoneticPr fontId="5"/>
  </si>
  <si>
    <t>https://admission.umpsa.edu.my/undergraduate/international-student-2</t>
    <phoneticPr fontId="5"/>
  </si>
  <si>
    <t>交通運輸大学</t>
    <phoneticPr fontId="5"/>
  </si>
  <si>
    <t>https://www.tuwien.at/en/studies/international/incoming-exchange-students?utm_source=chatgpt.com</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yyyy/m/d;@"/>
    <numFmt numFmtId="177" formatCode="0.E+00"/>
    <numFmt numFmtId="178" formatCode="[$-409]d\-mmm\-yy;@"/>
    <numFmt numFmtId="179" formatCode="[$-409]mmmm\ d\,\ yyyy;@"/>
  </numFmts>
  <fonts count="20">
    <font>
      <sz val="10"/>
      <color rgb="FF000000"/>
      <name val="Arial"/>
      <family val="2"/>
      <scheme val="minor"/>
    </font>
    <font>
      <sz val="10"/>
      <color rgb="FF000000"/>
      <name val="Arial"/>
      <family val="2"/>
      <scheme val="minor"/>
    </font>
    <font>
      <sz val="10"/>
      <color rgb="FF000000"/>
      <name val="MS UI Gothic"/>
      <family val="3"/>
      <charset val="128"/>
    </font>
    <font>
      <b/>
      <sz val="10"/>
      <color rgb="FF000000"/>
      <name val="MS UI Gothic"/>
      <family val="3"/>
      <charset val="128"/>
    </font>
    <font>
      <sz val="10"/>
      <color rgb="FFFF0000"/>
      <name val="MS UI Gothic"/>
      <family val="3"/>
      <charset val="128"/>
    </font>
    <font>
      <sz val="6"/>
      <name val="Arial"/>
      <family val="3"/>
      <charset val="128"/>
      <scheme val="minor"/>
    </font>
    <font>
      <b/>
      <sz val="10"/>
      <color theme="1"/>
      <name val="MS UI Gothic"/>
      <family val="3"/>
      <charset val="128"/>
    </font>
    <font>
      <sz val="10"/>
      <color theme="1"/>
      <name val="MS UI Gothic"/>
      <family val="3"/>
      <charset val="128"/>
    </font>
    <font>
      <sz val="10"/>
      <color theme="1"/>
      <name val="Arial"/>
      <family val="2"/>
      <scheme val="minor"/>
    </font>
    <font>
      <u/>
      <sz val="10"/>
      <color rgb="FF0000FF"/>
      <name val="MS UI Gothic"/>
      <family val="3"/>
      <charset val="128"/>
    </font>
    <font>
      <u/>
      <sz val="10"/>
      <color theme="10"/>
      <name val="Arial"/>
      <family val="2"/>
      <scheme val="minor"/>
    </font>
    <font>
      <u/>
      <sz val="10"/>
      <color theme="10"/>
      <name val="MS UI Gothic"/>
      <family val="3"/>
      <charset val="128"/>
    </font>
    <font>
      <sz val="10"/>
      <color rgb="FFFF0000"/>
      <name val="Arial"/>
      <family val="2"/>
      <scheme val="minor"/>
    </font>
    <font>
      <u/>
      <sz val="10"/>
      <color rgb="FF0000FF"/>
      <name val="Arial"/>
      <family val="2"/>
    </font>
    <font>
      <sz val="9"/>
      <color rgb="FF000000"/>
      <name val="MS UI Gothic"/>
      <family val="3"/>
      <charset val="128"/>
    </font>
    <font>
      <sz val="20"/>
      <color theme="1"/>
      <name val="MS UI Gothic"/>
      <family val="3"/>
      <charset val="128"/>
    </font>
    <font>
      <sz val="10"/>
      <color rgb="FF000000"/>
      <name val="Arial"/>
      <family val="3"/>
      <charset val="128"/>
      <scheme val="minor"/>
    </font>
    <font>
      <sz val="10"/>
      <name val="MS UI Gothic"/>
      <family val="3"/>
      <charset val="128"/>
    </font>
    <font>
      <sz val="9"/>
      <color indexed="81"/>
      <name val="MS P ゴシック"/>
      <family val="3"/>
      <charset val="128"/>
    </font>
    <font>
      <b/>
      <sz val="9"/>
      <color indexed="81"/>
      <name val="MS P ゴシック"/>
      <family val="3"/>
      <charset val="128"/>
    </font>
  </fonts>
  <fills count="21">
    <fill>
      <patternFill patternType="none"/>
    </fill>
    <fill>
      <patternFill patternType="gray125"/>
    </fill>
    <fill>
      <patternFill patternType="solid">
        <fgColor rgb="FFBFBFBF"/>
        <bgColor rgb="FFBFBFBF"/>
      </patternFill>
    </fill>
    <fill>
      <patternFill patternType="solid">
        <fgColor theme="0" tint="-0.249977111117893"/>
        <bgColor rgb="FFFFFF00"/>
      </patternFill>
    </fill>
    <fill>
      <patternFill patternType="solid">
        <fgColor theme="0" tint="-0.249977111117893"/>
        <bgColor rgb="FFBFBFBF"/>
      </patternFill>
    </fill>
    <fill>
      <patternFill patternType="solid">
        <fgColor theme="7" tint="0.59999389629810485"/>
        <bgColor indexed="64"/>
      </patternFill>
    </fill>
    <fill>
      <patternFill patternType="solid">
        <fgColor theme="0"/>
        <bgColor indexed="64"/>
      </patternFill>
    </fill>
    <fill>
      <patternFill patternType="solid">
        <fgColor theme="8" tint="0.59999389629810485"/>
        <bgColor indexed="64"/>
      </patternFill>
    </fill>
    <fill>
      <patternFill patternType="solid">
        <fgColor theme="4" tint="0.39997558519241921"/>
        <bgColor indexed="64"/>
      </patternFill>
    </fill>
    <fill>
      <patternFill patternType="solid">
        <fgColor theme="6" tint="0.59999389629810485"/>
        <bgColor indexed="64"/>
      </patternFill>
    </fill>
    <fill>
      <patternFill patternType="solid">
        <fgColor rgb="FF808080"/>
        <bgColor rgb="FF000000"/>
      </patternFill>
    </fill>
    <fill>
      <patternFill patternType="solid">
        <fgColor theme="2" tint="-0.14999847407452621"/>
        <bgColor rgb="FF000000"/>
      </patternFill>
    </fill>
    <fill>
      <patternFill patternType="solid">
        <fgColor rgb="FF81160E"/>
        <bgColor rgb="FF000000"/>
      </patternFill>
    </fill>
    <fill>
      <patternFill patternType="solid">
        <fgColor theme="2" tint="-0.499984740745262"/>
        <bgColor indexed="64"/>
      </patternFill>
    </fill>
    <fill>
      <patternFill patternType="solid">
        <fgColor theme="9" tint="0.39997558519241921"/>
        <bgColor indexed="64"/>
      </patternFill>
    </fill>
    <fill>
      <patternFill patternType="solid">
        <fgColor theme="2" tint="-0.14999847407452621"/>
        <bgColor indexed="64"/>
      </patternFill>
    </fill>
    <fill>
      <patternFill patternType="solid">
        <fgColor theme="0"/>
        <bgColor rgb="FF000000"/>
      </patternFill>
    </fill>
    <fill>
      <patternFill patternType="solid">
        <fgColor theme="0" tint="-0.499984740745262"/>
        <bgColor rgb="FF000000"/>
      </patternFill>
    </fill>
    <fill>
      <patternFill patternType="solid">
        <fgColor theme="0" tint="-0.499984740745262"/>
        <bgColor indexed="64"/>
      </patternFill>
    </fill>
    <fill>
      <patternFill patternType="solid">
        <fgColor theme="5" tint="0.79998168889431442"/>
        <bgColor indexed="64"/>
      </patternFill>
    </fill>
    <fill>
      <patternFill patternType="solid">
        <fgColor theme="0" tint="-0.14999847407452621"/>
        <bgColor indexed="64"/>
      </patternFill>
    </fill>
  </fills>
  <borders count="9">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rgb="FF000000"/>
      </right>
      <top/>
      <bottom/>
      <diagonal/>
    </border>
    <border>
      <left style="medium">
        <color indexed="64"/>
      </left>
      <right/>
      <top/>
      <bottom/>
      <diagonal/>
    </border>
    <border>
      <left/>
      <right style="medium">
        <color indexed="64"/>
      </right>
      <top/>
      <bottom/>
      <diagonal/>
    </border>
  </borders>
  <cellStyleXfs count="4">
    <xf numFmtId="0" fontId="0" fillId="0" borderId="0"/>
    <xf numFmtId="0" fontId="10" fillId="0" borderId="0" applyNumberFormat="0" applyFill="0" applyBorder="0" applyAlignment="0" applyProtection="0"/>
    <xf numFmtId="0" fontId="1" fillId="0" borderId="0"/>
    <xf numFmtId="0" fontId="16" fillId="0" borderId="0"/>
  </cellStyleXfs>
  <cellXfs count="73">
    <xf numFmtId="0" fontId="0" fillId="0" borderId="0" xfId="0"/>
    <xf numFmtId="0" fontId="2" fillId="0" borderId="0" xfId="0" applyFont="1" applyAlignment="1">
      <alignment vertical="top" wrapText="1"/>
    </xf>
    <xf numFmtId="0" fontId="2" fillId="0" borderId="0" xfId="0" applyFont="1" applyAlignment="1">
      <alignment horizontal="left" vertical="center" wrapText="1"/>
    </xf>
    <xf numFmtId="0" fontId="3" fillId="2" borderId="2" xfId="0" applyFont="1" applyFill="1" applyBorder="1" applyAlignment="1">
      <alignment horizontal="left" vertical="top" wrapText="1"/>
    </xf>
    <xf numFmtId="0" fontId="3" fillId="0" borderId="0" xfId="0" applyFont="1" applyAlignment="1">
      <alignment horizontal="left" vertical="top" wrapText="1"/>
    </xf>
    <xf numFmtId="0" fontId="2" fillId="0" borderId="0" xfId="0" applyFont="1" applyAlignment="1">
      <alignment horizontal="left" wrapText="1"/>
    </xf>
    <xf numFmtId="0" fontId="6" fillId="3" borderId="6" xfId="0" applyFont="1" applyFill="1" applyBorder="1" applyAlignment="1">
      <alignment horizontal="left" vertical="top" wrapText="1"/>
    </xf>
    <xf numFmtId="0" fontId="3" fillId="4" borderId="2" xfId="0" applyFont="1" applyFill="1" applyBorder="1" applyAlignment="1">
      <alignment horizontal="left" vertical="top" wrapText="1"/>
    </xf>
    <xf numFmtId="0" fontId="6" fillId="2" borderId="2" xfId="0" applyFont="1" applyFill="1" applyBorder="1" applyAlignment="1">
      <alignment horizontal="left" vertical="top" wrapText="1"/>
    </xf>
    <xf numFmtId="0" fontId="2" fillId="0" borderId="2" xfId="0" applyFont="1" applyBorder="1" applyAlignment="1">
      <alignment horizontal="left" vertical="center" wrapText="1"/>
    </xf>
    <xf numFmtId="0" fontId="7" fillId="5" borderId="2" xfId="0" applyFont="1" applyFill="1" applyBorder="1" applyAlignment="1">
      <alignment horizontal="left" vertical="center" wrapText="1"/>
    </xf>
    <xf numFmtId="0" fontId="2" fillId="6" borderId="2" xfId="0" applyFont="1" applyFill="1" applyBorder="1" applyAlignment="1">
      <alignment horizontal="left" vertical="center" wrapText="1"/>
    </xf>
    <xf numFmtId="0" fontId="2" fillId="6" borderId="0" xfId="0" applyFont="1" applyFill="1" applyAlignment="1">
      <alignment horizontal="left" vertical="center" wrapText="1"/>
    </xf>
    <xf numFmtId="0" fontId="7" fillId="0" borderId="2" xfId="0" applyFont="1" applyBorder="1" applyAlignment="1">
      <alignment horizontal="left" vertical="center" wrapText="1"/>
    </xf>
    <xf numFmtId="0" fontId="9" fillId="0" borderId="2" xfId="0" applyFont="1" applyBorder="1" applyAlignment="1">
      <alignment horizontal="left" vertical="center" wrapText="1"/>
    </xf>
    <xf numFmtId="0" fontId="7" fillId="0" borderId="0" xfId="0" applyFont="1" applyAlignment="1">
      <alignment horizontal="left" vertical="center" wrapText="1"/>
    </xf>
    <xf numFmtId="0" fontId="7" fillId="7" borderId="2" xfId="0" applyFont="1" applyFill="1" applyBorder="1" applyAlignment="1">
      <alignment horizontal="left" vertical="center" wrapText="1"/>
    </xf>
    <xf numFmtId="16" fontId="2" fillId="0" borderId="2" xfId="0" applyNumberFormat="1" applyFont="1" applyBorder="1" applyAlignment="1">
      <alignment horizontal="left" vertical="center" wrapText="1"/>
    </xf>
    <xf numFmtId="0" fontId="7" fillId="6" borderId="2" xfId="0" applyFont="1" applyFill="1" applyBorder="1" applyAlignment="1">
      <alignment horizontal="left" vertical="center" wrapText="1"/>
    </xf>
    <xf numFmtId="0" fontId="11" fillId="0" borderId="2" xfId="1" applyFont="1" applyBorder="1" applyAlignment="1">
      <alignment horizontal="left" vertical="center" wrapText="1"/>
    </xf>
    <xf numFmtId="176" fontId="2" fillId="6" borderId="2" xfId="0" applyNumberFormat="1" applyFont="1" applyFill="1" applyBorder="1" applyAlignment="1">
      <alignment horizontal="left" vertical="center" wrapText="1"/>
    </xf>
    <xf numFmtId="177" fontId="2" fillId="0" borderId="2" xfId="0" applyNumberFormat="1" applyFont="1" applyBorder="1" applyAlignment="1">
      <alignment horizontal="left" vertical="center" wrapText="1"/>
    </xf>
    <xf numFmtId="178" fontId="2" fillId="0" borderId="2" xfId="0" applyNumberFormat="1" applyFont="1" applyBorder="1" applyAlignment="1">
      <alignment horizontal="left" vertical="center" wrapText="1"/>
    </xf>
    <xf numFmtId="49" fontId="2" fillId="0" borderId="2" xfId="0" applyNumberFormat="1" applyFont="1" applyBorder="1" applyAlignment="1">
      <alignment horizontal="left" vertical="center" wrapText="1"/>
    </xf>
    <xf numFmtId="0" fontId="4" fillId="0" borderId="2" xfId="0" applyFont="1" applyBorder="1" applyAlignment="1">
      <alignment horizontal="left" vertical="center" wrapText="1"/>
    </xf>
    <xf numFmtId="14" fontId="7" fillId="0" borderId="2" xfId="0" applyNumberFormat="1" applyFont="1" applyBorder="1" applyAlignment="1">
      <alignment horizontal="left" vertical="center" wrapText="1"/>
    </xf>
    <xf numFmtId="0" fontId="11" fillId="0" borderId="2" xfId="1" applyFont="1" applyFill="1" applyBorder="1" applyAlignment="1">
      <alignment horizontal="left" vertical="center" wrapText="1"/>
    </xf>
    <xf numFmtId="0" fontId="7" fillId="8" borderId="2" xfId="0" applyFont="1" applyFill="1" applyBorder="1" applyAlignment="1">
      <alignment horizontal="left" vertical="center" wrapText="1"/>
    </xf>
    <xf numFmtId="179" fontId="2" fillId="0" borderId="2" xfId="0" applyNumberFormat="1" applyFont="1" applyBorder="1" applyAlignment="1">
      <alignment horizontal="left" vertical="center" wrapText="1"/>
    </xf>
    <xf numFmtId="0" fontId="7" fillId="9" borderId="2" xfId="0" applyFont="1" applyFill="1" applyBorder="1" applyAlignment="1">
      <alignment horizontal="left" vertical="center" wrapText="1"/>
    </xf>
    <xf numFmtId="0" fontId="2" fillId="0" borderId="0" xfId="0" applyFont="1" applyAlignment="1">
      <alignment horizontal="left" vertical="center"/>
    </xf>
    <xf numFmtId="0" fontId="0" fillId="0" borderId="2" xfId="0" applyBorder="1" applyAlignment="1">
      <alignment vertical="center"/>
    </xf>
    <xf numFmtId="0" fontId="2" fillId="10" borderId="0" xfId="0" applyFont="1" applyFill="1" applyAlignment="1">
      <alignment horizontal="left" vertical="center" wrapText="1"/>
    </xf>
    <xf numFmtId="0" fontId="14" fillId="0" borderId="2" xfId="0" applyFont="1" applyBorder="1" applyAlignment="1">
      <alignment horizontal="left" vertical="center"/>
    </xf>
    <xf numFmtId="0" fontId="15" fillId="0" borderId="2" xfId="0" applyFont="1" applyBorder="1" applyAlignment="1">
      <alignment horizontal="left" vertical="center" wrapText="1"/>
    </xf>
    <xf numFmtId="0" fontId="2" fillId="11" borderId="0" xfId="0" applyFont="1" applyFill="1" applyAlignment="1">
      <alignment horizontal="left" vertical="center" wrapText="1"/>
    </xf>
    <xf numFmtId="0" fontId="2" fillId="12" borderId="0" xfId="0" applyFont="1" applyFill="1" applyAlignment="1">
      <alignment horizontal="left" vertical="center" wrapText="1"/>
    </xf>
    <xf numFmtId="0" fontId="2" fillId="13" borderId="0" xfId="0" applyFont="1" applyFill="1" applyAlignment="1">
      <alignment horizontal="left" vertical="center" wrapText="1"/>
    </xf>
    <xf numFmtId="0" fontId="7" fillId="14" borderId="2" xfId="0" applyFont="1" applyFill="1" applyBorder="1" applyAlignment="1">
      <alignment horizontal="left" vertical="center" wrapText="1"/>
    </xf>
    <xf numFmtId="0" fontId="2" fillId="0" borderId="3" xfId="0" applyFont="1" applyBorder="1" applyAlignment="1">
      <alignment horizontal="left" vertical="center" wrapText="1"/>
    </xf>
    <xf numFmtId="0" fontId="2" fillId="0" borderId="5" xfId="0" applyFont="1" applyBorder="1" applyAlignment="1">
      <alignment horizontal="left" vertical="center" wrapText="1"/>
    </xf>
    <xf numFmtId="0" fontId="2" fillId="0" borderId="2" xfId="0" applyFont="1" applyBorder="1" applyAlignment="1">
      <alignment vertical="center"/>
    </xf>
    <xf numFmtId="0" fontId="2" fillId="15" borderId="0" xfId="0" applyFont="1" applyFill="1" applyAlignment="1">
      <alignment horizontal="left" vertical="center" wrapText="1"/>
    </xf>
    <xf numFmtId="0" fontId="10" fillId="0" borderId="2" xfId="1" applyBorder="1" applyAlignment="1">
      <alignment horizontal="left" vertical="center" wrapText="1"/>
    </xf>
    <xf numFmtId="15" fontId="2" fillId="0" borderId="2" xfId="0" applyNumberFormat="1" applyFont="1" applyBorder="1" applyAlignment="1">
      <alignment horizontal="left" vertical="center" wrapText="1"/>
    </xf>
    <xf numFmtId="0" fontId="2" fillId="16" borderId="0" xfId="0" applyFont="1" applyFill="1" applyAlignment="1">
      <alignment horizontal="left" vertical="center" wrapText="1"/>
    </xf>
    <xf numFmtId="0" fontId="2" fillId="17" borderId="0" xfId="0" applyFont="1" applyFill="1" applyAlignment="1">
      <alignment horizontal="left" vertical="center" wrapText="1"/>
    </xf>
    <xf numFmtId="0" fontId="2" fillId="18" borderId="0" xfId="0" applyFont="1" applyFill="1" applyAlignment="1">
      <alignment horizontal="left" vertical="center" wrapText="1"/>
    </xf>
    <xf numFmtId="0" fontId="2" fillId="0" borderId="0" xfId="0" applyFont="1" applyAlignment="1">
      <alignment vertical="center" wrapText="1"/>
    </xf>
    <xf numFmtId="0" fontId="7" fillId="6" borderId="0" xfId="0" applyFont="1" applyFill="1" applyAlignment="1">
      <alignment horizontal="left" vertical="center" wrapText="1"/>
    </xf>
    <xf numFmtId="0" fontId="2" fillId="6" borderId="0" xfId="0" applyFont="1" applyFill="1" applyAlignment="1">
      <alignment horizontal="left" wrapText="1"/>
    </xf>
    <xf numFmtId="0" fontId="1" fillId="6" borderId="0" xfId="2" applyFill="1"/>
    <xf numFmtId="0" fontId="7" fillId="6" borderId="0" xfId="0" applyFont="1" applyFill="1" applyAlignment="1">
      <alignment horizontal="left" vertical="top" wrapText="1"/>
    </xf>
    <xf numFmtId="0" fontId="7" fillId="6" borderId="7" xfId="0" applyFont="1" applyFill="1" applyBorder="1" applyAlignment="1">
      <alignment horizontal="left" vertical="top" wrapText="1"/>
    </xf>
    <xf numFmtId="0" fontId="2" fillId="6" borderId="0" xfId="2" applyFont="1" applyFill="1" applyAlignment="1">
      <alignment horizontal="left" vertical="top"/>
    </xf>
    <xf numFmtId="0" fontId="7" fillId="6" borderId="8" xfId="0" applyFont="1" applyFill="1" applyBorder="1" applyAlignment="1">
      <alignment horizontal="left" vertical="top" wrapText="1"/>
    </xf>
    <xf numFmtId="0" fontId="7" fillId="0" borderId="0" xfId="0" applyFont="1" applyAlignment="1">
      <alignment horizontal="left" vertical="top" wrapText="1"/>
    </xf>
    <xf numFmtId="0" fontId="2" fillId="0" borderId="0" xfId="0" applyFont="1" applyAlignment="1">
      <alignment horizontal="left" vertical="top" wrapText="1"/>
    </xf>
    <xf numFmtId="0" fontId="2" fillId="0" borderId="0" xfId="0" applyFont="1" applyAlignment="1">
      <alignment vertical="center"/>
    </xf>
    <xf numFmtId="0" fontId="11" fillId="0" borderId="0" xfId="1" applyFont="1" applyFill="1" applyBorder="1" applyAlignment="1">
      <alignment vertical="center"/>
    </xf>
    <xf numFmtId="0" fontId="7" fillId="19" borderId="2" xfId="0" applyFont="1" applyFill="1" applyBorder="1" applyAlignment="1">
      <alignment horizontal="left" vertical="center" wrapText="1"/>
    </xf>
    <xf numFmtId="17" fontId="7" fillId="6" borderId="2" xfId="0" applyNumberFormat="1" applyFont="1" applyFill="1" applyBorder="1" applyAlignment="1">
      <alignment horizontal="left" vertical="center" wrapText="1"/>
    </xf>
    <xf numFmtId="0" fontId="17" fillId="0" borderId="2" xfId="0" applyFont="1" applyBorder="1" applyAlignment="1">
      <alignment horizontal="left" vertical="center" wrapText="1"/>
    </xf>
    <xf numFmtId="0" fontId="7" fillId="20" borderId="2" xfId="0" applyFont="1" applyFill="1" applyBorder="1" applyAlignment="1">
      <alignment horizontal="left" vertical="center" wrapText="1"/>
    </xf>
    <xf numFmtId="0" fontId="2" fillId="20" borderId="2" xfId="0" applyFont="1" applyFill="1" applyBorder="1" applyAlignment="1">
      <alignment horizontal="left" vertical="center" wrapText="1"/>
    </xf>
    <xf numFmtId="0" fontId="9" fillId="20" borderId="2" xfId="0" applyFont="1" applyFill="1" applyBorder="1" applyAlignment="1">
      <alignment horizontal="left" vertical="center" wrapText="1"/>
    </xf>
    <xf numFmtId="0" fontId="7" fillId="20" borderId="0" xfId="0" applyFont="1" applyFill="1" applyAlignment="1">
      <alignment horizontal="left" vertical="center" wrapText="1"/>
    </xf>
    <xf numFmtId="0" fontId="2" fillId="20" borderId="0" xfId="0" applyFont="1" applyFill="1" applyAlignment="1">
      <alignment horizontal="left" vertical="center" wrapText="1"/>
    </xf>
    <xf numFmtId="0" fontId="3" fillId="2" borderId="2" xfId="0" applyFont="1" applyFill="1" applyBorder="1" applyAlignment="1">
      <alignment horizontal="left" vertical="top" wrapText="1"/>
    </xf>
    <xf numFmtId="0" fontId="2" fillId="0" borderId="1" xfId="0" applyFont="1" applyBorder="1" applyAlignment="1">
      <alignment horizontal="left" vertical="top" wrapText="1"/>
    </xf>
    <xf numFmtId="0" fontId="3" fillId="2" borderId="3" xfId="0" applyFont="1" applyFill="1" applyBorder="1" applyAlignment="1">
      <alignment horizontal="left" vertical="top" wrapText="1"/>
    </xf>
    <xf numFmtId="0" fontId="3" fillId="2" borderId="4" xfId="0" applyFont="1" applyFill="1" applyBorder="1" applyAlignment="1">
      <alignment horizontal="left" vertical="top" wrapText="1"/>
    </xf>
    <xf numFmtId="0" fontId="3" fillId="2" borderId="5" xfId="0" applyFont="1" applyFill="1" applyBorder="1" applyAlignment="1">
      <alignment horizontal="left" vertical="top" wrapText="1"/>
    </xf>
  </cellXfs>
  <cellStyles count="4">
    <cellStyle name="ハイパーリンク" xfId="1" builtinId="8"/>
    <cellStyle name="標準" xfId="0" builtinId="0"/>
    <cellStyle name="標準 2" xfId="2" xr:uid="{D9A71247-1188-4690-86C8-B17D77B3EAEF}"/>
    <cellStyle name="標準 3" xfId="3" xr:uid="{6FE22F46-E86A-433A-9F69-8D7E4CB99A53}"/>
  </cellStyles>
  <dxfs count="3">
    <dxf>
      <font>
        <color rgb="FFFF0000"/>
      </font>
      <fill>
        <patternFill patternType="none"/>
      </fill>
    </dxf>
    <dxf>
      <font>
        <color rgb="FFFF0000"/>
      </font>
      <fill>
        <patternFill patternType="none"/>
      </fill>
    </dxf>
    <dxf>
      <font>
        <color rgb="FF9C0006"/>
      </font>
      <fill>
        <patternFill>
          <bgColor rgb="FFFFC7CE"/>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microsoft.com/office/2017/10/relationships/person" Target="persons/person.xml"/><Relationship Id="rId4" Type="http://schemas.openxmlformats.org/officeDocument/2006/relationships/sharedStrings" Target="sharedStrings.xml"/></Relationships>
</file>

<file path=xl/persons/person.xml><?xml version="1.0" encoding="utf-8"?>
<personList xmlns="http://schemas.microsoft.com/office/spreadsheetml/2018/threadedcomments" xmlns:x="http://schemas.openxmlformats.org/spreadsheetml/2006/main">
  <person displayName="国際部" id="{42A315C0-0D1E-4A1A-BBB3-45DB1C93CE48}" userId="国際部" providerId="None"/>
  <person displayName="国際部(Office of International Services)" id="{C3E8E3D1-0A89-4023-9673-567FEA8565DC}" userId="国際部(Office of International Services)" providerId="None"/>
</personList>
</file>

<file path=xl/theme/theme1.xml><?xml version="1.0" encoding="utf-8"?>
<a:theme xmlns:a="http://schemas.openxmlformats.org/drawingml/2006/main" name="Sheets">
  <a:themeElements>
    <a:clrScheme name="Sheets">
      <a:dk1>
        <a:srgbClr val="000000"/>
      </a:dk1>
      <a:lt1>
        <a:srgbClr val="FFFFFF"/>
      </a:lt1>
      <a:dk2>
        <a:srgbClr val="000000"/>
      </a:dk2>
      <a:lt2>
        <a:srgbClr val="FFFFFF"/>
      </a:lt2>
      <a:accent1>
        <a:srgbClr val="4285F4"/>
      </a:accent1>
      <a:accent2>
        <a:srgbClr val="EA4335"/>
      </a:accent2>
      <a:accent3>
        <a:srgbClr val="FBBC04"/>
      </a:accent3>
      <a:accent4>
        <a:srgbClr val="34A853"/>
      </a:accent4>
      <a:accent5>
        <a:srgbClr val="FF6D01"/>
      </a:accent5>
      <a:accent6>
        <a:srgbClr val="46BDC6"/>
      </a:accent6>
      <a:hlink>
        <a:srgbClr val="1155CC"/>
      </a:hlink>
      <a:folHlink>
        <a:srgbClr val="1155CC"/>
      </a:folHlink>
    </a:clrScheme>
    <a:fontScheme name="Sheets">
      <a:majorFont>
        <a:latin typeface="Arial"/>
        <a:ea typeface="Arial"/>
        <a:cs typeface="Arial"/>
      </a:majorFont>
      <a:minorFont>
        <a:latin typeface="Arial"/>
        <a:ea typeface="Arial"/>
        <a:cs typeface="Arial"/>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xl/threadedComments/threadedComment1.xml><?xml version="1.0" encoding="utf-8"?>
<ThreadedComments xmlns="http://schemas.microsoft.com/office/spreadsheetml/2018/threadedcomments" xmlns:x="http://schemas.openxmlformats.org/spreadsheetml/2006/main">
  <threadedComment ref="Q3" dT="2024-10-29T09:45:39.20" personId="{42A315C0-0D1E-4A1A-BBB3-45DB1C93CE48}" id="{FFDE93A8-2F1B-45AB-9948-D261DD068A38}">
    <text>不要となっている場合も、いずれ提出が求められる可能性があることや、授業についていくために、語学基準を最低満たしておくのがおすすめ
必要となっている場合、スコアは出願までに必要だが、学内エントリーから出願まで時間がないため、なるべく学内エントリーまでに取得しておくのがおすすめ</text>
  </threadedComment>
  <threadedComment ref="AR70" dT="2024-10-28T04:02:20.81" personId="{42A315C0-0D1E-4A1A-BBB3-45DB1C93CE48}" id="{C3AB7234-DDA1-4BE9-B607-93AE3185E7E4}">
    <text>We have some English-taught courses in every department, and the offerings change every semester. Normally, students take 1-2 courses related to their majors and then select other courses from different areas.
For graduate students (Master's and Doctoral programs), obtaining permission from the department office is required. Additionally, students may need to take a combination of undergraduate-level and graduate-level courses, as there are not enough English-taught courses available at the graduate level.</text>
  </threadedComment>
  <threadedComment ref="F97" dT="2024-10-29T09:15:06.90" personId="{42A315C0-0D1E-4A1A-BBB3-45DB1C93CE48}" id="{34D49BFC-0A49-4E25-BD6A-B58956882F62}">
    <text>春学期には枠数が残っていない可能性あり</text>
  </threadedComment>
  <threadedComment ref="AR98" dT="2024-10-29T09:22:43.51" personId="{42A315C0-0D1E-4A1A-BBB3-45DB1C93CE48}" id="{9767959F-40AD-44DA-B709-624C5E952BAD}">
    <text>科目がパッケージ化されておりパッケージ内の全科目を履修する必要がある
パッケージ内の科目は分野横断的なので、本学での所属学部・専攻により近いものを選ぶ</text>
  </threadedComment>
  <threadedComment ref="F102" dT="2025-10-23T05:44:37.30" personId="{C3E8E3D1-0A89-4023-9673-567FEA8565DC}" id="{EA7E2CE2-66B7-4CA7-88B2-A9E44EC6FDA5}">
    <text>年によって春学期には枠数が残っていない可能性あり</text>
  </threadedComment>
  <threadedComment ref="F104" dT="2024-10-29T09:17:30.92" personId="{42A315C0-0D1E-4A1A-BBB3-45DB1C93CE48}" id="{DDFB4D3D-0A5A-4136-B109-41749E2CA981}">
    <text>春学期には枠数が残っていない可能性あり
1セメスターのみ留学可能</text>
  </threadedComment>
  <threadedComment ref="F105" dT="2024-10-29T09:18:26.06" personId="{42A315C0-0D1E-4A1A-BBB3-45DB1C93CE48}" id="{EF0AB99C-3291-4BBF-9BE7-83711C7F3915}">
    <text>年によって春学期には枠数が残っていない可能性あり</text>
  </threadedComment>
  <threadedComment ref="AD105" dT="2024-10-28T04:17:04.98" personId="{42A315C0-0D1E-4A1A-BBB3-45DB1C93CE48}" id="{2E8FE39E-ECCE-458B-8271-C2891597FDFE}">
    <text>学部生でも履修可能だが、授業内容の難易度やグループワークがあることから、大学院生推奨</text>
  </threadedComment>
  <threadedComment ref="F108" dT="2025-11-21T03:29:27.92" personId="{C3E8E3D1-0A89-4023-9673-567FEA8565DC}" id="{34450B5C-6FF5-480F-B02F-C2803896B639}">
    <text>旧：コペンハーゲン・スクール・オブ・デザイン&amp;テクノロジー</text>
  </threadedComment>
  <threadedComment ref="G108" dT="2025-11-21T03:29:43.78" personId="{C3E8E3D1-0A89-4023-9673-567FEA8565DC}" id="{EB3EA0A3-3F8D-4E42-AD9D-5805495FA25B}">
    <text>旧：KEA - Copenhagen School of Design and Technology</text>
  </threadedComment>
  <threadedComment ref="Q108" dT="2025-11-21T03:31:00.43" personId="{C3E8E3D1-0A89-4023-9673-567FEA8565DC}" id="{056D3ED0-28EF-43C3-B86B-C7726381727E}">
    <text>TOEFL iBTまたはIELTSにてCEFR B2以上のスコアを学内エントリー時に提出。また、出願時に先方国際部担当者とのオンライン面談あり。（面談結果によっては不受理の可能性あり）</text>
  </threadedComment>
  <threadedComment ref="W123" dT="2024-10-28T03:58:55.28" personId="{42A315C0-0D1E-4A1A-BBB3-45DB1C93CE48}" id="{4F6481F9-1D10-496D-8EE2-B87B3586299D}">
    <text xml:space="preserve">Postgraduate (doctoral) students' participation is also possible but may be subject to specific procedure and is negotiated on a case by case basis. </text>
  </threadedComment>
  <threadedComment ref="AR123" dT="2024-10-28T03:59:51.31" personId="{42A315C0-0D1E-4A1A-BBB3-45DB1C93CE48}" id="{A04DB4E4-1C4C-40FE-9A4F-FE024A518821}">
    <text xml:space="preserve">Exchange students follow the same courses as degree students. Large number of master level courses are taught in English. Bachelor level students are allowed to take master level courses provided that prerequisites are met.
</text>
  </threadedComment>
  <threadedComment ref="AR140" dT="2024-10-28T04:15:48.12" personId="{42A315C0-0D1E-4A1A-BBB3-45DB1C93CE48}" id="{E9A847A4-9302-4AF5-89A3-81BE31F93CFC}">
    <text>ポーランド語で授業が開講される可能性があるため、留学先の授業担当教員や国際部コーディネーターに要相談</text>
  </threadedComment>
  <threadedComment ref="AW161" dT="2024-11-13T09:08:06.90" personId="{42A315C0-0D1E-4A1A-BBB3-45DB1C93CE48}" id="{9D958253-85A3-4C7F-B6F8-97FE2966B8DD}">
    <text xml:space="preserve">Academic Study Abroad Programs (ASAP)
ASAP General Track
https://ce.uci.edu/student-resources/academic-records/academic-calendar 
https://ce.uci.edu/student-resources/international/payment-policies-fees-deadlines </text>
    <extLst>
      <x:ext xmlns:xltc2="http://schemas.microsoft.com/office/spreadsheetml/2020/threadedcomments2" uri="{F7C98A9C-CBB3-438F-8F68-D28B6AF4A901}">
        <xltc2:checksum>80239414</xltc2:checksum>
        <xltc2:hyperlink startIndex="57" length="71" url="https://ce.uci.edu/student-resources/academic-records/academic-calendar"/>
        <xltc2:hyperlink startIndex="131" length="82" url="https://ce.uci.edu/student-resources/international/payment-policies-fees-deadlines"/>
      </x:ext>
    </extLst>
  </threadedComment>
  <threadedComment ref="AX161" dT="2024-11-13T09:08:06.90" personId="{42A315C0-0D1E-4A1A-BBB3-45DB1C93CE48}" id="{8F9F505D-4A26-4D9D-BE60-A84799384A1F}">
    <text xml:space="preserve">Academic Study Abroad Programs (ASAP)
ASAP General Track
https://ce.uci.edu/student-resources/academic-records/academic-calendar 
https://ce.uci.edu/student-resources/international/payment-policies-fees-deadlines </text>
    <extLst>
      <x:ext xmlns:xltc2="http://schemas.microsoft.com/office/spreadsheetml/2020/threadedcomments2" uri="{F7C98A9C-CBB3-438F-8F68-D28B6AF4A901}">
        <xltc2:checksum>80239414</xltc2:checksum>
        <xltc2:hyperlink startIndex="57" length="71" url="https://ce.uci.edu/student-resources/academic-records/academic-calendar"/>
        <xltc2:hyperlink startIndex="131" length="82" url="https://ce.uci.edu/student-resources/international/payment-policies-fees-deadlines"/>
      </x:ext>
    </extLst>
  </threadedComment>
  <threadedComment ref="AY161" dT="2024-11-13T09:08:06.90" personId="{42A315C0-0D1E-4A1A-BBB3-45DB1C93CE48}" id="{4055CF93-F5AD-4962-8179-19A20F6287DB}">
    <text xml:space="preserve">Academic Study Abroad Programs (ASAP)
ASAP General Track
https://ce.uci.edu/student-resources/academic-records/academic-calendar 
https://ce.uci.edu/student-resources/international/payment-policies-fees-deadlines </text>
    <extLst>
      <x:ext xmlns:xltc2="http://schemas.microsoft.com/office/spreadsheetml/2020/threadedcomments2" uri="{F7C98A9C-CBB3-438F-8F68-D28B6AF4A901}">
        <xltc2:checksum>80239414</xltc2:checksum>
        <xltc2:hyperlink startIndex="57" length="71" url="https://ce.uci.edu/student-resources/academic-records/academic-calendar"/>
        <xltc2:hyperlink startIndex="131" length="82" url="https://ce.uci.edu/student-resources/international/payment-policies-fees-deadlines"/>
      </x:ext>
    </extLst>
  </threadedComment>
  <threadedComment ref="AZ161" dT="2024-11-13T09:08:06.90" personId="{42A315C0-0D1E-4A1A-BBB3-45DB1C93CE48}" id="{7EFA64BB-F73B-4E8B-A89E-112D2B7867E9}">
    <text xml:space="preserve">Academic Study Abroad Programs (ASAP)
ASAP General Track
https://ce.uci.edu/student-resources/academic-records/academic-calendar 
https://ce.uci.edu/student-resources/international/payment-policies-fees-deadlines </text>
    <extLst>
      <x:ext xmlns:xltc2="http://schemas.microsoft.com/office/spreadsheetml/2020/threadedcomments2" uri="{F7C98A9C-CBB3-438F-8F68-D28B6AF4A901}">
        <xltc2:checksum>80239414</xltc2:checksum>
        <xltc2:hyperlink startIndex="57" length="71" url="https://ce.uci.edu/student-resources/academic-records/academic-calendar"/>
        <xltc2:hyperlink startIndex="131" length="82" url="https://ce.uci.edu/student-resources/international/payment-policies-fees-deadlines"/>
      </x:ext>
    </extLst>
  </threadedComment>
</ThreadedComments>
</file>

<file path=xl/worksheets/_rels/sheet1.xml.rels><?xml version="1.0" encoding="UTF-8" standalone="yes"?>
<Relationships xmlns="http://schemas.openxmlformats.org/package/2006/relationships"><Relationship Id="rId8" Type="http://schemas.openxmlformats.org/officeDocument/2006/relationships/hyperlink" Target="https://vnuk.edu.vn/en/about/" TargetMode="External"/><Relationship Id="rId13" Type="http://schemas.openxmlformats.org/officeDocument/2006/relationships/hyperlink" Target="https://www.csub.edu/isp/semester-csub-and-exchange-program" TargetMode="External"/><Relationship Id="rId18" Type="http://schemas.openxmlformats.org/officeDocument/2006/relationships/hyperlink" Target="https://sites.google.com/up.edu.mx/ia-incoming/academic-information?authuser=0" TargetMode="External"/><Relationship Id="rId3" Type="http://schemas.openxmlformats.org/officeDocument/2006/relationships/hyperlink" Target="https://courses.illinois.edu/schedule" TargetMode="External"/><Relationship Id="rId21" Type="http://schemas.openxmlformats.org/officeDocument/2006/relationships/comments" Target="../comments1.xml"/><Relationship Id="rId7" Type="http://schemas.openxmlformats.org/officeDocument/2006/relationships/hyperlink" Target="https://vnuk.edu.vn/en/about/" TargetMode="External"/><Relationship Id="rId12" Type="http://schemas.openxmlformats.org/officeDocument/2006/relationships/hyperlink" Target="https://www.uog.edu/admissions/undergraduate-students" TargetMode="External"/><Relationship Id="rId17" Type="http://schemas.openxmlformats.org/officeDocument/2006/relationships/hyperlink" Target="https://portal.utfpr.edu.br/english/international" TargetMode="External"/><Relationship Id="rId2" Type="http://schemas.openxmlformats.org/officeDocument/2006/relationships/hyperlink" Target="https://www.studyabroad.illinois.edu/incoming-students/incoming-application-process/instructions-components/index.html" TargetMode="External"/><Relationship Id="rId16" Type="http://schemas.openxmlformats.org/officeDocument/2006/relationships/hyperlink" Target="https://ri.ufabc.edu.br/mobilidade-academica/para-estrangeiros" TargetMode="External"/><Relationship Id="rId20" Type="http://schemas.openxmlformats.org/officeDocument/2006/relationships/vmlDrawing" Target="../drawings/vmlDrawing1.vml"/><Relationship Id="rId1" Type="http://schemas.openxmlformats.org/officeDocument/2006/relationships/hyperlink" Target="https://www.uog.edu/life-at-uog/residence-halls/" TargetMode="External"/><Relationship Id="rId6" Type="http://schemas.openxmlformats.org/officeDocument/2006/relationships/hyperlink" Target="file:///C:\Users\CAU\&#236;&#164;&#145;&#236;&#149;&#153;&#235;&#140;&#128;&#237;&#149;&#153;&#234;&#181;&#144;\&#236;&#157;&#180;&#235;&#143;&#153;&#236;&#152;&#129;%20-%20&#236;&#180;&#136;&#236;&#178;&#173;\2021-2&#237;&#149;&#153;&#234;&#184;&#176;\Courses\Academic%20Year%202021%20Courses%20Offered%20in%20English%20(Fall%202021).pdf" TargetMode="External"/><Relationship Id="rId11" Type="http://schemas.openxmlformats.org/officeDocument/2006/relationships/hyperlink" Target="https://www.shibaura-it.ac.jp/assets/Factsheet_Ecole%20Nationale%20Superieure%20dArchitecture%20de%20Paris-Belleville_Factsheet_2024-2025.pdf" TargetMode="External"/><Relationship Id="rId5" Type="http://schemas.openxmlformats.org/officeDocument/2006/relationships/hyperlink" Target="https://www.ufabc.edu.br/en/exchange-students/courses-in-english/" TargetMode="External"/><Relationship Id="rId15" Type="http://schemas.openxmlformats.org/officeDocument/2006/relationships/hyperlink" Target="https://sites.google.com/up.edu.mx/ia-incoming/up-academic-offer?authuser=0" TargetMode="External"/><Relationship Id="rId10" Type="http://schemas.openxmlformats.org/officeDocument/2006/relationships/hyperlink" Target="https://www.paris-belleville.archi.fr/" TargetMode="External"/><Relationship Id="rId19" Type="http://schemas.openxmlformats.org/officeDocument/2006/relationships/hyperlink" Target="mailto:fengclk@ku.ac.th" TargetMode="External"/><Relationship Id="rId4" Type="http://schemas.openxmlformats.org/officeDocument/2006/relationships/hyperlink" Target="https://www.studyabroad.illinois.edu/incoming-students/incoming-student-finances/index.html" TargetMode="External"/><Relationship Id="rId9" Type="http://schemas.openxmlformats.org/officeDocument/2006/relationships/hyperlink" Target="https://www.paris-belleville.archi.fr/acteurs/etudiants/logements/" TargetMode="External"/><Relationship Id="rId14" Type="http://schemas.openxmlformats.org/officeDocument/2006/relationships/hyperlink" Target="https://oia.cau.ac.kr/" TargetMode="External"/><Relationship Id="rId22" Type="http://schemas.microsoft.com/office/2017/10/relationships/threadedComment" Target="../threadedComments/threadedComment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539CE4E-0278-4DE4-8570-766D68DB7183}">
  <sheetPr>
    <tabColor theme="0"/>
  </sheetPr>
  <dimension ref="A1:FR525"/>
  <sheetViews>
    <sheetView tabSelected="1" zoomScale="85" zoomScaleNormal="85" workbookViewId="0">
      <selection sqref="A1:F1"/>
    </sheetView>
  </sheetViews>
  <sheetFormatPr defaultColWidth="12.5703125" defaultRowHeight="12"/>
  <cols>
    <col min="1" max="1" width="11.140625" style="5" customWidth="1"/>
    <col min="2" max="2" width="9.5703125" style="5" bestFit="1" customWidth="1"/>
    <col min="3" max="3" width="11.5703125" style="5" customWidth="1"/>
    <col min="4" max="4" width="16.42578125" style="5" bestFit="1" customWidth="1"/>
    <col min="5" max="5" width="20.42578125" style="5" customWidth="1"/>
    <col min="6" max="6" width="33.42578125" style="57" bestFit="1" customWidth="1"/>
    <col min="7" max="7" width="38.5703125" style="5" customWidth="1"/>
    <col min="8" max="8" width="24.85546875" style="5" customWidth="1"/>
    <col min="9" max="9" width="31.42578125" style="5" customWidth="1"/>
    <col min="10" max="10" width="12.28515625" style="5" customWidth="1"/>
    <col min="11" max="13" width="12.5703125" style="5"/>
    <col min="14" max="15" width="22.5703125" style="5" customWidth="1"/>
    <col min="16" max="16" width="32.5703125" style="57" customWidth="1"/>
    <col min="17" max="19" width="14.5703125" style="2" customWidth="1"/>
    <col min="20" max="43" width="12.5703125" style="5"/>
    <col min="44" max="44" width="18.5703125" style="5" customWidth="1"/>
    <col min="45" max="45" width="18" style="5" customWidth="1"/>
    <col min="46" max="46" width="23.85546875" style="5" customWidth="1"/>
    <col min="47" max="47" width="14" style="5" customWidth="1"/>
    <col min="48" max="48" width="19.140625" style="5" customWidth="1"/>
    <col min="49" max="49" width="22.42578125" style="5" customWidth="1"/>
    <col min="50" max="50" width="23.85546875" style="5" customWidth="1"/>
    <col min="51" max="51" width="22.42578125" style="5" customWidth="1"/>
    <col min="52" max="52" width="24.42578125" style="5" customWidth="1"/>
    <col min="53" max="16384" width="12.5703125" style="5"/>
  </cols>
  <sheetData>
    <row r="1" spans="1:174" s="2" customFormat="1" ht="168.6" customHeight="1">
      <c r="A1" s="69" t="s">
        <v>0</v>
      </c>
      <c r="B1" s="69"/>
      <c r="C1" s="69"/>
      <c r="D1" s="69"/>
      <c r="E1" s="69"/>
      <c r="F1" s="69"/>
      <c r="G1" s="69" t="s">
        <v>1</v>
      </c>
      <c r="H1" s="69"/>
      <c r="I1" s="69"/>
      <c r="J1" s="69"/>
      <c r="K1" s="69"/>
      <c r="L1" s="69"/>
      <c r="M1" s="1"/>
      <c r="N1" s="1"/>
      <c r="O1" s="1"/>
      <c r="P1" s="1"/>
      <c r="Q1" s="1"/>
      <c r="R1" s="1"/>
      <c r="S1" s="1"/>
      <c r="T1" s="1"/>
      <c r="U1" s="1"/>
      <c r="V1" s="1"/>
      <c r="W1" s="1"/>
      <c r="X1" s="1"/>
      <c r="Y1" s="1"/>
      <c r="Z1" s="1"/>
      <c r="AA1" s="1"/>
      <c r="AB1" s="1"/>
      <c r="AC1" s="1"/>
      <c r="AD1" s="1"/>
      <c r="AE1" s="1"/>
      <c r="AF1" s="1"/>
      <c r="AG1" s="1"/>
      <c r="AH1" s="1"/>
      <c r="AI1" s="1"/>
      <c r="AJ1" s="1"/>
      <c r="AK1" s="1"/>
      <c r="AL1" s="1"/>
      <c r="AM1" s="1"/>
      <c r="AN1" s="1"/>
      <c r="AO1" s="1"/>
      <c r="AP1" s="1"/>
      <c r="AQ1" s="1"/>
      <c r="AR1" s="1"/>
      <c r="AS1" s="1"/>
      <c r="AT1" s="1"/>
      <c r="AU1" s="1"/>
    </row>
    <row r="2" spans="1:174" ht="15.75" customHeight="1">
      <c r="A2" s="3" t="s">
        <v>2</v>
      </c>
      <c r="B2" s="3"/>
      <c r="C2" s="3"/>
      <c r="D2" s="3"/>
      <c r="E2" s="3"/>
      <c r="F2" s="3"/>
      <c r="G2" s="3"/>
      <c r="H2" s="3"/>
      <c r="I2" s="3"/>
      <c r="J2" s="68" t="s">
        <v>3</v>
      </c>
      <c r="K2" s="68"/>
      <c r="L2" s="68"/>
      <c r="M2" s="68"/>
      <c r="N2" s="68"/>
      <c r="O2" s="68"/>
      <c r="P2" s="68"/>
      <c r="Q2" s="70" t="s">
        <v>4</v>
      </c>
      <c r="R2" s="71"/>
      <c r="S2" s="72"/>
      <c r="T2" s="68" t="s">
        <v>5</v>
      </c>
      <c r="U2" s="68"/>
      <c r="V2" s="68"/>
      <c r="W2" s="68"/>
      <c r="X2" s="68" t="s">
        <v>6</v>
      </c>
      <c r="Y2" s="68"/>
      <c r="Z2" s="68"/>
      <c r="AA2" s="68"/>
      <c r="AB2" s="68"/>
      <c r="AC2" s="68"/>
      <c r="AD2" s="68"/>
      <c r="AE2" s="68"/>
      <c r="AF2" s="68"/>
      <c r="AG2" s="68"/>
      <c r="AH2" s="68" t="s">
        <v>7</v>
      </c>
      <c r="AI2" s="68"/>
      <c r="AJ2" s="68"/>
      <c r="AK2" s="68"/>
      <c r="AL2" s="68"/>
      <c r="AM2" s="68"/>
      <c r="AN2" s="68"/>
      <c r="AO2" s="68"/>
      <c r="AP2" s="68"/>
      <c r="AQ2" s="68"/>
      <c r="AR2" s="3"/>
      <c r="AS2" s="68" t="s">
        <v>8</v>
      </c>
      <c r="AT2" s="68"/>
      <c r="AU2" s="68" t="s">
        <v>9</v>
      </c>
      <c r="AV2" s="68"/>
      <c r="AW2" s="68" t="s">
        <v>10</v>
      </c>
      <c r="AX2" s="68"/>
      <c r="AY2" s="68"/>
      <c r="AZ2" s="68"/>
      <c r="BA2" s="4"/>
    </row>
    <row r="3" spans="1:174" ht="39.75" customHeight="1">
      <c r="A3" s="3" t="s">
        <v>11</v>
      </c>
      <c r="B3" s="3" t="s">
        <v>12</v>
      </c>
      <c r="C3" s="3" t="s">
        <v>13</v>
      </c>
      <c r="D3" s="3" t="s">
        <v>14</v>
      </c>
      <c r="E3" s="3" t="s">
        <v>15</v>
      </c>
      <c r="F3" s="3" t="s">
        <v>16</v>
      </c>
      <c r="G3" s="3" t="s">
        <v>17</v>
      </c>
      <c r="H3" s="3" t="s">
        <v>18</v>
      </c>
      <c r="I3" s="3" t="s">
        <v>19</v>
      </c>
      <c r="J3" s="3" t="s">
        <v>20</v>
      </c>
      <c r="K3" s="3" t="s">
        <v>21</v>
      </c>
      <c r="L3" s="3" t="s">
        <v>22</v>
      </c>
      <c r="M3" s="3" t="s">
        <v>23</v>
      </c>
      <c r="N3" s="3" t="s">
        <v>24</v>
      </c>
      <c r="O3" s="6" t="s">
        <v>25</v>
      </c>
      <c r="P3" s="7" t="s">
        <v>26</v>
      </c>
      <c r="Q3" s="7" t="s">
        <v>27</v>
      </c>
      <c r="R3" s="6" t="s">
        <v>28</v>
      </c>
      <c r="S3" s="6" t="s">
        <v>29</v>
      </c>
      <c r="T3" s="8" t="s">
        <v>30</v>
      </c>
      <c r="U3" s="8" t="s">
        <v>31</v>
      </c>
      <c r="V3" s="8" t="s">
        <v>32</v>
      </c>
      <c r="W3" s="8" t="s">
        <v>33</v>
      </c>
      <c r="X3" s="8" t="s">
        <v>34</v>
      </c>
      <c r="Y3" s="8" t="s">
        <v>35</v>
      </c>
      <c r="Z3" s="8" t="s">
        <v>36</v>
      </c>
      <c r="AA3" s="8" t="s">
        <v>37</v>
      </c>
      <c r="AB3" s="8" t="s">
        <v>38</v>
      </c>
      <c r="AC3" s="8" t="s">
        <v>39</v>
      </c>
      <c r="AD3" s="8" t="s">
        <v>40</v>
      </c>
      <c r="AE3" s="8" t="s">
        <v>41</v>
      </c>
      <c r="AF3" s="8" t="s">
        <v>42</v>
      </c>
      <c r="AG3" s="8" t="s">
        <v>43</v>
      </c>
      <c r="AH3" s="8" t="s">
        <v>34</v>
      </c>
      <c r="AI3" s="8" t="s">
        <v>35</v>
      </c>
      <c r="AJ3" s="8" t="s">
        <v>36</v>
      </c>
      <c r="AK3" s="8" t="s">
        <v>37</v>
      </c>
      <c r="AL3" s="8" t="s">
        <v>38</v>
      </c>
      <c r="AM3" s="8" t="s">
        <v>44</v>
      </c>
      <c r="AN3" s="8" t="s">
        <v>40</v>
      </c>
      <c r="AO3" s="8" t="s">
        <v>41</v>
      </c>
      <c r="AP3" s="8" t="s">
        <v>42</v>
      </c>
      <c r="AQ3" s="8" t="s">
        <v>43</v>
      </c>
      <c r="AR3" s="3" t="s">
        <v>45</v>
      </c>
      <c r="AS3" s="3" t="s">
        <v>46</v>
      </c>
      <c r="AT3" s="3" t="s">
        <v>47</v>
      </c>
      <c r="AU3" s="3" t="s">
        <v>48</v>
      </c>
      <c r="AV3" s="3" t="s">
        <v>49</v>
      </c>
      <c r="AW3" s="3" t="s">
        <v>50</v>
      </c>
      <c r="AX3" s="3" t="s">
        <v>51</v>
      </c>
      <c r="AY3" s="3" t="s">
        <v>52</v>
      </c>
      <c r="AZ3" s="3" t="s">
        <v>53</v>
      </c>
      <c r="BA3" s="4"/>
    </row>
    <row r="4" spans="1:174" s="2" customFormat="1" ht="27" customHeight="1">
      <c r="A4" s="11">
        <v>2025</v>
      </c>
      <c r="B4" s="9">
        <v>474</v>
      </c>
      <c r="C4" s="16" t="s">
        <v>180</v>
      </c>
      <c r="D4" s="9" t="s">
        <v>684</v>
      </c>
      <c r="E4" s="9" t="s">
        <v>685</v>
      </c>
      <c r="F4" s="9" t="s">
        <v>686</v>
      </c>
      <c r="G4" s="9" t="s">
        <v>687</v>
      </c>
      <c r="H4" s="9" t="s">
        <v>688</v>
      </c>
      <c r="I4" s="9" t="s">
        <v>689</v>
      </c>
      <c r="J4" s="9">
        <v>0</v>
      </c>
      <c r="K4" s="9">
        <v>0</v>
      </c>
      <c r="L4" s="9">
        <v>0</v>
      </c>
      <c r="M4" s="9"/>
      <c r="N4" s="9" t="s">
        <v>690</v>
      </c>
      <c r="O4" s="9" t="s">
        <v>691</v>
      </c>
      <c r="P4" s="9" t="s">
        <v>323</v>
      </c>
      <c r="Q4" s="9" t="s">
        <v>121</v>
      </c>
      <c r="R4" s="9" t="s">
        <v>64</v>
      </c>
      <c r="S4" s="9" t="s">
        <v>688</v>
      </c>
      <c r="T4" s="9" t="s">
        <v>66</v>
      </c>
      <c r="U4" s="9" t="s">
        <v>66</v>
      </c>
      <c r="V4" s="9" t="s">
        <v>66</v>
      </c>
      <c r="W4" s="9" t="s">
        <v>66</v>
      </c>
      <c r="X4" s="9" t="s">
        <v>66</v>
      </c>
      <c r="Y4" s="9" t="s">
        <v>66</v>
      </c>
      <c r="Z4" s="9" t="s">
        <v>66</v>
      </c>
      <c r="AA4" s="9" t="s">
        <v>66</v>
      </c>
      <c r="AB4" s="9" t="s">
        <v>66</v>
      </c>
      <c r="AC4" s="9" t="s">
        <v>66</v>
      </c>
      <c r="AD4" s="9" t="s">
        <v>66</v>
      </c>
      <c r="AE4" s="9" t="s">
        <v>66</v>
      </c>
      <c r="AF4" s="9" t="s">
        <v>66</v>
      </c>
      <c r="AG4" s="9" t="s">
        <v>66</v>
      </c>
      <c r="AH4" s="9" t="s">
        <v>66</v>
      </c>
      <c r="AI4" s="9" t="s">
        <v>66</v>
      </c>
      <c r="AJ4" s="9" t="s">
        <v>66</v>
      </c>
      <c r="AK4" s="9" t="s">
        <v>66</v>
      </c>
      <c r="AL4" s="9" t="s">
        <v>66</v>
      </c>
      <c r="AM4" s="9" t="s">
        <v>66</v>
      </c>
      <c r="AN4" s="9" t="s">
        <v>66</v>
      </c>
      <c r="AO4" s="9" t="s">
        <v>66</v>
      </c>
      <c r="AP4" s="9" t="s">
        <v>66</v>
      </c>
      <c r="AQ4" s="9" t="s">
        <v>66</v>
      </c>
      <c r="AR4" s="9" t="s">
        <v>688</v>
      </c>
      <c r="AS4" s="9" t="s">
        <v>64</v>
      </c>
      <c r="AT4" s="9">
        <v>2000</v>
      </c>
      <c r="AU4" s="9" t="s">
        <v>108</v>
      </c>
      <c r="AV4" s="9" t="s">
        <v>692</v>
      </c>
      <c r="AW4" s="9" t="s">
        <v>352</v>
      </c>
      <c r="AX4" s="9" t="s">
        <v>655</v>
      </c>
      <c r="AY4" s="9" t="s">
        <v>693</v>
      </c>
      <c r="AZ4" s="9" t="s">
        <v>387</v>
      </c>
    </row>
    <row r="5" spans="1:174" s="2" customFormat="1" ht="27" customHeight="1">
      <c r="A5" s="18">
        <v>2024</v>
      </c>
      <c r="B5" s="13">
        <v>148</v>
      </c>
      <c r="C5" s="16" t="s">
        <v>180</v>
      </c>
      <c r="D5" s="13" t="s">
        <v>684</v>
      </c>
      <c r="E5" s="13" t="s">
        <v>762</v>
      </c>
      <c r="F5" s="9" t="s">
        <v>763</v>
      </c>
      <c r="G5" s="13" t="s">
        <v>764</v>
      </c>
      <c r="H5" s="13"/>
      <c r="I5" s="13" t="s">
        <v>765</v>
      </c>
      <c r="J5" s="13" t="s">
        <v>134</v>
      </c>
      <c r="K5" s="13" t="s">
        <v>134</v>
      </c>
      <c r="L5" s="13" t="s">
        <v>134</v>
      </c>
      <c r="M5" s="13" t="s">
        <v>134</v>
      </c>
      <c r="N5" s="13" t="s">
        <v>766</v>
      </c>
      <c r="O5" s="13"/>
      <c r="P5" s="13" t="s">
        <v>767</v>
      </c>
      <c r="Q5" s="13" t="s">
        <v>121</v>
      </c>
      <c r="R5" s="13"/>
      <c r="S5" s="13"/>
      <c r="T5" s="13" t="s">
        <v>66</v>
      </c>
      <c r="U5" s="13" t="s">
        <v>66</v>
      </c>
      <c r="V5" s="13" t="s">
        <v>66</v>
      </c>
      <c r="W5" s="13" t="s">
        <v>67</v>
      </c>
      <c r="X5" s="13" t="s">
        <v>66</v>
      </c>
      <c r="Y5" s="13" t="s">
        <v>67</v>
      </c>
      <c r="Z5" s="13" t="s">
        <v>67</v>
      </c>
      <c r="AA5" s="13" t="s">
        <v>66</v>
      </c>
      <c r="AB5" s="13" t="s">
        <v>66</v>
      </c>
      <c r="AC5" s="13" t="s">
        <v>66</v>
      </c>
      <c r="AD5" s="13" t="s">
        <v>67</v>
      </c>
      <c r="AE5" s="13" t="s">
        <v>66</v>
      </c>
      <c r="AF5" s="13" t="s">
        <v>67</v>
      </c>
      <c r="AG5" s="13" t="s">
        <v>66</v>
      </c>
      <c r="AH5" s="13" t="s">
        <v>66</v>
      </c>
      <c r="AI5" s="13" t="s">
        <v>66</v>
      </c>
      <c r="AJ5" s="13" t="s">
        <v>66</v>
      </c>
      <c r="AK5" s="13" t="s">
        <v>66</v>
      </c>
      <c r="AL5" s="13" t="s">
        <v>66</v>
      </c>
      <c r="AM5" s="13" t="s">
        <v>66</v>
      </c>
      <c r="AN5" s="13" t="s">
        <v>66</v>
      </c>
      <c r="AO5" s="13" t="s">
        <v>66</v>
      </c>
      <c r="AP5" s="13" t="s">
        <v>66</v>
      </c>
      <c r="AQ5" s="13" t="s">
        <v>66</v>
      </c>
      <c r="AR5" s="13" t="s">
        <v>768</v>
      </c>
      <c r="AS5" s="13" t="s">
        <v>64</v>
      </c>
      <c r="AT5" s="13"/>
      <c r="AU5" s="13" t="s">
        <v>769</v>
      </c>
      <c r="AV5" s="13"/>
      <c r="AW5" s="13" t="s">
        <v>770</v>
      </c>
      <c r="AX5" s="13" t="s">
        <v>95</v>
      </c>
      <c r="AY5" s="13" t="s">
        <v>771</v>
      </c>
      <c r="AZ5" s="13" t="s">
        <v>771</v>
      </c>
      <c r="BA5" s="15"/>
    </row>
    <row r="6" spans="1:174" s="2" customFormat="1" ht="27" customHeight="1">
      <c r="A6" s="11">
        <v>2025</v>
      </c>
      <c r="B6" s="9">
        <v>654</v>
      </c>
      <c r="C6" s="16" t="s">
        <v>180</v>
      </c>
      <c r="D6" s="9" t="s">
        <v>684</v>
      </c>
      <c r="E6" s="9" t="s">
        <v>772</v>
      </c>
      <c r="F6" s="9" t="s">
        <v>773</v>
      </c>
      <c r="G6" s="9" t="s">
        <v>774</v>
      </c>
      <c r="H6" s="9" t="s">
        <v>775</v>
      </c>
      <c r="I6" s="9" t="s">
        <v>776</v>
      </c>
      <c r="J6" s="9">
        <v>0</v>
      </c>
      <c r="K6" s="9">
        <v>0</v>
      </c>
      <c r="L6" s="9">
        <v>0</v>
      </c>
      <c r="M6" s="9"/>
      <c r="N6" s="9" t="s">
        <v>777</v>
      </c>
      <c r="O6" s="9" t="s">
        <v>777</v>
      </c>
      <c r="P6" s="9" t="s">
        <v>778</v>
      </c>
      <c r="Q6" s="9" t="s">
        <v>121</v>
      </c>
      <c r="R6" s="9" t="s">
        <v>64</v>
      </c>
      <c r="S6" s="9">
        <v>0</v>
      </c>
      <c r="T6" s="9" t="s">
        <v>66</v>
      </c>
      <c r="U6" s="9" t="s">
        <v>66</v>
      </c>
      <c r="V6" s="9" t="s">
        <v>66</v>
      </c>
      <c r="W6" s="9" t="s">
        <v>66</v>
      </c>
      <c r="X6" s="9" t="s">
        <v>66</v>
      </c>
      <c r="Y6" s="9" t="s">
        <v>67</v>
      </c>
      <c r="Z6" s="9" t="s">
        <v>66</v>
      </c>
      <c r="AA6" s="9" t="s">
        <v>66</v>
      </c>
      <c r="AB6" s="9" t="s">
        <v>66</v>
      </c>
      <c r="AC6" s="9" t="s">
        <v>66</v>
      </c>
      <c r="AD6" s="9" t="s">
        <v>67</v>
      </c>
      <c r="AE6" s="9" t="s">
        <v>66</v>
      </c>
      <c r="AF6" s="9" t="s">
        <v>67</v>
      </c>
      <c r="AG6" s="9" t="s">
        <v>67</v>
      </c>
      <c r="AH6" s="9" t="s">
        <v>66</v>
      </c>
      <c r="AI6" s="9" t="s">
        <v>66</v>
      </c>
      <c r="AJ6" s="9" t="s">
        <v>66</v>
      </c>
      <c r="AK6" s="9" t="s">
        <v>66</v>
      </c>
      <c r="AL6" s="9" t="s">
        <v>66</v>
      </c>
      <c r="AM6" s="9" t="s">
        <v>66</v>
      </c>
      <c r="AN6" s="9" t="s">
        <v>67</v>
      </c>
      <c r="AO6" s="9" t="s">
        <v>66</v>
      </c>
      <c r="AP6" s="9" t="s">
        <v>66</v>
      </c>
      <c r="AQ6" s="9" t="s">
        <v>66</v>
      </c>
      <c r="AR6" s="9" t="s">
        <v>775</v>
      </c>
      <c r="AS6" s="9" t="s">
        <v>64</v>
      </c>
      <c r="AT6" s="9" t="s">
        <v>779</v>
      </c>
      <c r="AU6" s="9" t="s">
        <v>108</v>
      </c>
      <c r="AV6" s="9" t="s">
        <v>780</v>
      </c>
      <c r="AW6" s="9" t="s">
        <v>781</v>
      </c>
      <c r="AX6" s="9" t="s">
        <v>781</v>
      </c>
      <c r="AY6" s="9" t="s">
        <v>387</v>
      </c>
      <c r="AZ6" s="9" t="s">
        <v>387</v>
      </c>
    </row>
    <row r="7" spans="1:174" s="2" customFormat="1" ht="27" customHeight="1">
      <c r="A7" s="11">
        <v>2025</v>
      </c>
      <c r="B7" s="9">
        <v>358</v>
      </c>
      <c r="C7" s="16" t="s">
        <v>180</v>
      </c>
      <c r="D7" s="9" t="s">
        <v>684</v>
      </c>
      <c r="E7" s="9" t="s">
        <v>1021</v>
      </c>
      <c r="F7" s="9" t="s">
        <v>1022</v>
      </c>
      <c r="G7" s="9" t="s">
        <v>1023</v>
      </c>
      <c r="H7" s="9" t="s">
        <v>1024</v>
      </c>
      <c r="I7" s="9" t="s">
        <v>1025</v>
      </c>
      <c r="J7" s="9">
        <v>0</v>
      </c>
      <c r="K7" s="9">
        <v>0</v>
      </c>
      <c r="L7" s="9">
        <v>0</v>
      </c>
      <c r="M7" s="9"/>
      <c r="N7" s="9" t="s">
        <v>285</v>
      </c>
      <c r="O7" s="9" t="s">
        <v>666</v>
      </c>
      <c r="P7" s="9" t="s">
        <v>323</v>
      </c>
      <c r="Q7" s="9" t="s">
        <v>310</v>
      </c>
      <c r="R7" s="9" t="s">
        <v>64</v>
      </c>
      <c r="S7" s="9">
        <v>0</v>
      </c>
      <c r="T7" s="9" t="s">
        <v>66</v>
      </c>
      <c r="U7" s="9" t="s">
        <v>66</v>
      </c>
      <c r="V7" s="9" t="s">
        <v>66</v>
      </c>
      <c r="W7" s="9" t="s">
        <v>66</v>
      </c>
      <c r="X7" s="9"/>
      <c r="Y7" s="9" t="s">
        <v>67</v>
      </c>
      <c r="Z7" s="9"/>
      <c r="AA7" s="9" t="s">
        <v>66</v>
      </c>
      <c r="AB7" s="9" t="s">
        <v>66</v>
      </c>
      <c r="AC7" s="9" t="s">
        <v>66</v>
      </c>
      <c r="AD7" s="9" t="s">
        <v>67</v>
      </c>
      <c r="AE7" s="9"/>
      <c r="AF7" s="9" t="s">
        <v>66</v>
      </c>
      <c r="AG7" s="9" t="s">
        <v>67</v>
      </c>
      <c r="AH7" s="9" t="s">
        <v>66</v>
      </c>
      <c r="AI7" s="9" t="s">
        <v>67</v>
      </c>
      <c r="AJ7" s="9"/>
      <c r="AK7" s="9" t="s">
        <v>66</v>
      </c>
      <c r="AL7" s="9" t="s">
        <v>66</v>
      </c>
      <c r="AM7" s="9" t="s">
        <v>66</v>
      </c>
      <c r="AN7" s="9" t="s">
        <v>67</v>
      </c>
      <c r="AO7" s="9" t="s">
        <v>66</v>
      </c>
      <c r="AP7" s="9" t="s">
        <v>66</v>
      </c>
      <c r="AQ7" s="9" t="s">
        <v>67</v>
      </c>
      <c r="AR7" s="9" t="s">
        <v>1026</v>
      </c>
      <c r="AS7" s="9" t="s">
        <v>64</v>
      </c>
      <c r="AT7" s="9">
        <v>0</v>
      </c>
      <c r="AU7" s="9" t="s">
        <v>108</v>
      </c>
      <c r="AV7" s="9" t="s">
        <v>1027</v>
      </c>
      <c r="AW7" s="9" t="s">
        <v>1028</v>
      </c>
      <c r="AX7" s="9" t="s">
        <v>1029</v>
      </c>
      <c r="AY7" s="9" t="s">
        <v>1030</v>
      </c>
      <c r="AZ7" s="9" t="s">
        <v>1031</v>
      </c>
    </row>
    <row r="8" spans="1:174" s="2" customFormat="1" ht="27" customHeight="1">
      <c r="A8" s="11" t="s">
        <v>1364</v>
      </c>
      <c r="B8" s="9">
        <v>691</v>
      </c>
      <c r="C8" s="16" t="s">
        <v>180</v>
      </c>
      <c r="D8" s="9" t="s">
        <v>684</v>
      </c>
      <c r="E8" s="9" t="s">
        <v>685</v>
      </c>
      <c r="F8" s="9" t="s">
        <v>1774</v>
      </c>
      <c r="G8" s="9" t="s">
        <v>1775</v>
      </c>
      <c r="H8" s="9" t="s">
        <v>1776</v>
      </c>
      <c r="I8" s="9" t="s">
        <v>1777</v>
      </c>
      <c r="J8" s="9">
        <v>80</v>
      </c>
      <c r="K8" s="9">
        <v>6</v>
      </c>
      <c r="L8" s="9">
        <v>600</v>
      </c>
      <c r="M8" s="9"/>
      <c r="N8" s="9" t="s">
        <v>1778</v>
      </c>
      <c r="O8" s="2" t="s">
        <v>1779</v>
      </c>
      <c r="P8" s="9">
        <v>3</v>
      </c>
      <c r="Q8" s="9" t="s">
        <v>1780</v>
      </c>
      <c r="R8" s="9" t="s">
        <v>64</v>
      </c>
      <c r="S8" s="9">
        <v>0</v>
      </c>
      <c r="T8" s="9" t="s">
        <v>65</v>
      </c>
      <c r="U8" s="9" t="s">
        <v>67</v>
      </c>
      <c r="V8" s="9" t="s">
        <v>67</v>
      </c>
      <c r="W8" s="9" t="s">
        <v>67</v>
      </c>
      <c r="X8" s="9" t="s">
        <v>65</v>
      </c>
      <c r="Y8" s="9" t="s">
        <v>67</v>
      </c>
      <c r="Z8" s="9" t="s">
        <v>67</v>
      </c>
      <c r="AA8" s="9" t="s">
        <v>65</v>
      </c>
      <c r="AB8" s="9" t="s">
        <v>65</v>
      </c>
      <c r="AC8" s="9" t="s">
        <v>65</v>
      </c>
      <c r="AD8" s="9" t="s">
        <v>67</v>
      </c>
      <c r="AE8" s="9" t="s">
        <v>65</v>
      </c>
      <c r="AF8" s="9" t="s">
        <v>67</v>
      </c>
      <c r="AG8" s="9" t="s">
        <v>67</v>
      </c>
      <c r="AH8" s="9" t="s">
        <v>67</v>
      </c>
      <c r="AI8" s="9" t="s">
        <v>67</v>
      </c>
      <c r="AJ8" s="9" t="s">
        <v>67</v>
      </c>
      <c r="AK8" s="9" t="s">
        <v>67</v>
      </c>
      <c r="AL8" s="9" t="s">
        <v>67</v>
      </c>
      <c r="AM8" s="9" t="s">
        <v>67</v>
      </c>
      <c r="AN8" s="9" t="s">
        <v>67</v>
      </c>
      <c r="AO8" s="9" t="s">
        <v>67</v>
      </c>
      <c r="AP8" s="9" t="s">
        <v>67</v>
      </c>
      <c r="AQ8" s="9" t="s">
        <v>65</v>
      </c>
      <c r="AR8" s="9" t="s">
        <v>1776</v>
      </c>
      <c r="AS8" s="9" t="s">
        <v>64</v>
      </c>
      <c r="AT8" s="9" t="s">
        <v>1781</v>
      </c>
      <c r="AU8" s="9" t="s">
        <v>151</v>
      </c>
      <c r="AV8" s="9" t="s">
        <v>1776</v>
      </c>
      <c r="AW8" s="9" t="s">
        <v>1782</v>
      </c>
      <c r="AX8" s="9" t="s">
        <v>1783</v>
      </c>
      <c r="AY8" s="9" t="s">
        <v>1784</v>
      </c>
      <c r="AZ8" s="9" t="s">
        <v>1785</v>
      </c>
    </row>
    <row r="9" spans="1:174" s="2" customFormat="1" ht="27" customHeight="1">
      <c r="A9" s="18" t="s">
        <v>1364</v>
      </c>
      <c r="B9" s="13">
        <v>383</v>
      </c>
      <c r="C9" s="16" t="s">
        <v>180</v>
      </c>
      <c r="D9" s="13" t="s">
        <v>684</v>
      </c>
      <c r="E9" s="13" t="s">
        <v>1802</v>
      </c>
      <c r="F9" s="9" t="s">
        <v>1803</v>
      </c>
      <c r="G9" s="13" t="s">
        <v>1804</v>
      </c>
      <c r="H9" s="14" t="s">
        <v>1805</v>
      </c>
      <c r="I9" s="13" t="s">
        <v>1806</v>
      </c>
      <c r="J9" s="13">
        <v>0</v>
      </c>
      <c r="K9" s="13">
        <v>0</v>
      </c>
      <c r="L9" s="13">
        <v>0</v>
      </c>
      <c r="M9" s="13"/>
      <c r="N9" s="15" t="s">
        <v>1807</v>
      </c>
      <c r="O9" s="13" t="s">
        <v>1808</v>
      </c>
      <c r="P9" s="13">
        <v>7</v>
      </c>
      <c r="Q9" s="13" t="s">
        <v>1794</v>
      </c>
      <c r="R9" s="13" t="s">
        <v>64</v>
      </c>
      <c r="S9" s="13" t="s">
        <v>348</v>
      </c>
      <c r="T9" s="13" t="s">
        <v>67</v>
      </c>
      <c r="U9" s="13" t="s">
        <v>65</v>
      </c>
      <c r="V9" s="13" t="s">
        <v>65</v>
      </c>
      <c r="W9" s="13" t="s">
        <v>65</v>
      </c>
      <c r="X9" s="13" t="s">
        <v>65</v>
      </c>
      <c r="Y9" s="13" t="s">
        <v>65</v>
      </c>
      <c r="Z9" s="13" t="s">
        <v>65</v>
      </c>
      <c r="AA9" s="13" t="s">
        <v>65</v>
      </c>
      <c r="AB9" s="13" t="s">
        <v>65</v>
      </c>
      <c r="AC9" s="13" t="s">
        <v>65</v>
      </c>
      <c r="AD9" s="13" t="s">
        <v>67</v>
      </c>
      <c r="AE9" s="13" t="s">
        <v>65</v>
      </c>
      <c r="AF9" s="13" t="s">
        <v>65</v>
      </c>
      <c r="AG9" s="13" t="s">
        <v>67</v>
      </c>
      <c r="AH9" s="13" t="s">
        <v>65</v>
      </c>
      <c r="AI9" s="13" t="s">
        <v>65</v>
      </c>
      <c r="AJ9" s="13" t="s">
        <v>65</v>
      </c>
      <c r="AK9" s="13" t="s">
        <v>65</v>
      </c>
      <c r="AL9" s="13" t="s">
        <v>65</v>
      </c>
      <c r="AM9" s="13" t="s">
        <v>65</v>
      </c>
      <c r="AN9" s="13" t="s">
        <v>67</v>
      </c>
      <c r="AO9" s="13" t="s">
        <v>65</v>
      </c>
      <c r="AP9" s="13" t="s">
        <v>65</v>
      </c>
      <c r="AQ9" s="13" t="s">
        <v>67</v>
      </c>
      <c r="AR9" s="14" t="s">
        <v>1809</v>
      </c>
      <c r="AS9" s="13" t="s">
        <v>90</v>
      </c>
      <c r="AT9" s="13" t="s">
        <v>1810</v>
      </c>
      <c r="AU9" s="13" t="s">
        <v>1811</v>
      </c>
      <c r="AV9" s="13" t="s">
        <v>1809</v>
      </c>
      <c r="AW9" s="13" t="s">
        <v>1812</v>
      </c>
      <c r="AX9" s="13" t="s">
        <v>1813</v>
      </c>
      <c r="AY9" s="13" t="s">
        <v>1814</v>
      </c>
      <c r="AZ9" s="13" t="s">
        <v>1815</v>
      </c>
      <c r="BA9" s="15"/>
    </row>
    <row r="10" spans="1:174" s="2" customFormat="1" ht="27" customHeight="1">
      <c r="A10" s="11">
        <v>2025</v>
      </c>
      <c r="B10" s="9">
        <v>247</v>
      </c>
      <c r="C10" s="16" t="s">
        <v>180</v>
      </c>
      <c r="D10" s="9" t="s">
        <v>389</v>
      </c>
      <c r="E10" s="9" t="s">
        <v>390</v>
      </c>
      <c r="F10" s="9" t="s">
        <v>391</v>
      </c>
      <c r="G10" s="9" t="s">
        <v>392</v>
      </c>
      <c r="H10" s="9" t="s">
        <v>393</v>
      </c>
      <c r="I10" s="9" t="s">
        <v>394</v>
      </c>
      <c r="J10" s="9">
        <v>550</v>
      </c>
      <c r="K10" s="9">
        <v>6</v>
      </c>
      <c r="L10" s="9">
        <v>0</v>
      </c>
      <c r="M10" s="9" t="s">
        <v>86</v>
      </c>
      <c r="N10" s="9" t="s">
        <v>395</v>
      </c>
      <c r="O10" s="9" t="s">
        <v>70</v>
      </c>
      <c r="P10" s="9" t="s">
        <v>396</v>
      </c>
      <c r="Q10" s="9" t="s">
        <v>89</v>
      </c>
      <c r="R10" s="9" t="s">
        <v>64</v>
      </c>
      <c r="S10" s="9">
        <v>0</v>
      </c>
      <c r="T10" s="9" t="s">
        <v>66</v>
      </c>
      <c r="U10" s="9" t="s">
        <v>66</v>
      </c>
      <c r="V10" s="9" t="s">
        <v>67</v>
      </c>
      <c r="W10" s="9" t="s">
        <v>67</v>
      </c>
      <c r="X10" s="9" t="s">
        <v>67</v>
      </c>
      <c r="Y10" s="9" t="s">
        <v>67</v>
      </c>
      <c r="Z10" s="9" t="s">
        <v>67</v>
      </c>
      <c r="AA10" s="9" t="s">
        <v>67</v>
      </c>
      <c r="AB10" s="9" t="s">
        <v>67</v>
      </c>
      <c r="AC10" s="9" t="s">
        <v>66</v>
      </c>
      <c r="AD10" s="9" t="s">
        <v>66</v>
      </c>
      <c r="AE10" s="9" t="s">
        <v>66</v>
      </c>
      <c r="AF10" s="9" t="s">
        <v>66</v>
      </c>
      <c r="AG10" s="9" t="s">
        <v>67</v>
      </c>
      <c r="AH10" s="9" t="s">
        <v>67</v>
      </c>
      <c r="AI10" s="9" t="s">
        <v>67</v>
      </c>
      <c r="AJ10" s="9" t="s">
        <v>67</v>
      </c>
      <c r="AK10" s="9" t="s">
        <v>67</v>
      </c>
      <c r="AL10" s="9" t="s">
        <v>67</v>
      </c>
      <c r="AM10" s="9" t="s">
        <v>67</v>
      </c>
      <c r="AN10" s="9" t="s">
        <v>67</v>
      </c>
      <c r="AO10" s="9" t="s">
        <v>67</v>
      </c>
      <c r="AP10" s="9" t="s">
        <v>67</v>
      </c>
      <c r="AQ10" s="9" t="s">
        <v>67</v>
      </c>
      <c r="AR10" s="9" t="s">
        <v>397</v>
      </c>
      <c r="AS10" s="9" t="s">
        <v>64</v>
      </c>
      <c r="AT10" s="9">
        <v>0</v>
      </c>
      <c r="AU10" s="9" t="s">
        <v>108</v>
      </c>
      <c r="AV10" s="9" t="s">
        <v>398</v>
      </c>
      <c r="AW10" s="9" t="s">
        <v>399</v>
      </c>
      <c r="AX10" s="9" t="s">
        <v>400</v>
      </c>
      <c r="AY10" s="9" t="s">
        <v>401</v>
      </c>
      <c r="AZ10" s="9" t="s">
        <v>402</v>
      </c>
    </row>
    <row r="11" spans="1:174" s="2" customFormat="1" ht="27" customHeight="1">
      <c r="A11" s="11">
        <v>2025</v>
      </c>
      <c r="B11" s="9">
        <v>108</v>
      </c>
      <c r="C11" s="16" t="s">
        <v>180</v>
      </c>
      <c r="D11" s="9" t="s">
        <v>389</v>
      </c>
      <c r="E11" s="9" t="s">
        <v>792</v>
      </c>
      <c r="F11" s="9" t="s">
        <v>793</v>
      </c>
      <c r="G11" s="9" t="s">
        <v>794</v>
      </c>
      <c r="H11" s="9" t="s">
        <v>795</v>
      </c>
      <c r="I11" s="9" t="s">
        <v>796</v>
      </c>
      <c r="J11" s="9">
        <v>0</v>
      </c>
      <c r="K11" s="9">
        <v>0</v>
      </c>
      <c r="L11" s="9">
        <v>0</v>
      </c>
      <c r="M11" s="9"/>
      <c r="N11" s="9" t="s">
        <v>797</v>
      </c>
      <c r="O11" s="9" t="s">
        <v>798</v>
      </c>
      <c r="P11" s="9" t="s">
        <v>799</v>
      </c>
      <c r="Q11" s="9" t="s">
        <v>503</v>
      </c>
      <c r="R11" s="9" t="s">
        <v>64</v>
      </c>
      <c r="S11" s="9">
        <v>0</v>
      </c>
      <c r="T11" s="9" t="s">
        <v>65</v>
      </c>
      <c r="U11" s="9" t="s">
        <v>65</v>
      </c>
      <c r="V11" s="9" t="s">
        <v>65</v>
      </c>
      <c r="W11" s="9" t="s">
        <v>65</v>
      </c>
      <c r="X11" s="9" t="s">
        <v>65</v>
      </c>
      <c r="Y11" s="9" t="s">
        <v>65</v>
      </c>
      <c r="Z11" s="9" t="s">
        <v>65</v>
      </c>
      <c r="AA11" s="9" t="s">
        <v>65</v>
      </c>
      <c r="AB11" s="9" t="s">
        <v>65</v>
      </c>
      <c r="AC11" s="9" t="s">
        <v>65</v>
      </c>
      <c r="AD11" s="9" t="s">
        <v>65</v>
      </c>
      <c r="AE11" s="9" t="s">
        <v>65</v>
      </c>
      <c r="AF11" s="9" t="s">
        <v>65</v>
      </c>
      <c r="AG11" s="9" t="s">
        <v>65</v>
      </c>
      <c r="AH11" s="9" t="s">
        <v>65</v>
      </c>
      <c r="AI11" s="9" t="s">
        <v>65</v>
      </c>
      <c r="AJ11" s="9" t="s">
        <v>65</v>
      </c>
      <c r="AK11" s="9" t="s">
        <v>65</v>
      </c>
      <c r="AL11" s="9" t="s">
        <v>65</v>
      </c>
      <c r="AM11" s="9" t="s">
        <v>65</v>
      </c>
      <c r="AN11" s="9" t="s">
        <v>65</v>
      </c>
      <c r="AO11" s="9" t="s">
        <v>65</v>
      </c>
      <c r="AP11" s="9" t="s">
        <v>65</v>
      </c>
      <c r="AQ11" s="9" t="s">
        <v>67</v>
      </c>
      <c r="AR11" s="9" t="s">
        <v>800</v>
      </c>
      <c r="AS11" s="9" t="s">
        <v>90</v>
      </c>
      <c r="AT11" s="9">
        <v>0</v>
      </c>
      <c r="AU11" s="9" t="s">
        <v>151</v>
      </c>
      <c r="AV11" s="9" t="s">
        <v>801</v>
      </c>
      <c r="AW11" s="9" t="s">
        <v>802</v>
      </c>
      <c r="AX11" s="9" t="s">
        <v>803</v>
      </c>
      <c r="AY11" s="9" t="s">
        <v>804</v>
      </c>
      <c r="AZ11" s="9" t="s">
        <v>805</v>
      </c>
    </row>
    <row r="12" spans="1:174" s="2" customFormat="1" ht="27" customHeight="1">
      <c r="A12" s="11">
        <v>2025</v>
      </c>
      <c r="B12" s="9">
        <v>160</v>
      </c>
      <c r="C12" s="16" t="s">
        <v>180</v>
      </c>
      <c r="D12" s="9" t="s">
        <v>389</v>
      </c>
      <c r="E12" s="9" t="s">
        <v>806</v>
      </c>
      <c r="F12" s="9" t="s">
        <v>807</v>
      </c>
      <c r="G12" s="9" t="s">
        <v>808</v>
      </c>
      <c r="H12" s="9" t="s">
        <v>809</v>
      </c>
      <c r="I12" s="9" t="s">
        <v>810</v>
      </c>
      <c r="J12" s="9">
        <v>0</v>
      </c>
      <c r="K12" s="9">
        <v>0</v>
      </c>
      <c r="L12" s="9">
        <v>0</v>
      </c>
      <c r="M12" s="9" t="s">
        <v>102</v>
      </c>
      <c r="N12" s="31" t="s">
        <v>811</v>
      </c>
      <c r="O12" s="9" t="s">
        <v>222</v>
      </c>
      <c r="P12" s="9" t="s">
        <v>812</v>
      </c>
      <c r="Q12" s="9" t="s">
        <v>310</v>
      </c>
      <c r="R12" s="9" t="s">
        <v>64</v>
      </c>
      <c r="S12" s="9" t="s">
        <v>813</v>
      </c>
      <c r="T12" s="9" t="s">
        <v>66</v>
      </c>
      <c r="U12" s="9" t="s">
        <v>66</v>
      </c>
      <c r="V12" s="9" t="s">
        <v>66</v>
      </c>
      <c r="W12" s="9" t="s">
        <v>66</v>
      </c>
      <c r="X12" s="9"/>
      <c r="Y12" s="9" t="s">
        <v>67</v>
      </c>
      <c r="Z12" s="9"/>
      <c r="AA12" s="9"/>
      <c r="AB12" s="9"/>
      <c r="AC12" s="9"/>
      <c r="AD12" s="9"/>
      <c r="AE12" s="9"/>
      <c r="AF12" s="9"/>
      <c r="AG12" s="9" t="s">
        <v>67</v>
      </c>
      <c r="AH12" s="9" t="s">
        <v>66</v>
      </c>
      <c r="AI12" s="9" t="s">
        <v>66</v>
      </c>
      <c r="AJ12" s="9" t="s">
        <v>66</v>
      </c>
      <c r="AK12" s="9" t="s">
        <v>66</v>
      </c>
      <c r="AL12" s="9" t="s">
        <v>66</v>
      </c>
      <c r="AM12" s="9" t="s">
        <v>66</v>
      </c>
      <c r="AN12" s="9" t="s">
        <v>66</v>
      </c>
      <c r="AO12" s="9" t="s">
        <v>66</v>
      </c>
      <c r="AP12" s="9" t="s">
        <v>67</v>
      </c>
      <c r="AQ12" s="9" t="s">
        <v>67</v>
      </c>
      <c r="AR12" s="9" t="s">
        <v>814</v>
      </c>
      <c r="AS12" s="9" t="s">
        <v>89</v>
      </c>
      <c r="AT12" s="9">
        <v>0</v>
      </c>
      <c r="AU12" s="9" t="s">
        <v>151</v>
      </c>
      <c r="AV12" s="9">
        <v>0</v>
      </c>
      <c r="AW12" s="9" t="s">
        <v>815</v>
      </c>
      <c r="AX12" s="9" t="s">
        <v>816</v>
      </c>
      <c r="AY12" s="9" t="s">
        <v>815</v>
      </c>
      <c r="AZ12" s="9" t="s">
        <v>816</v>
      </c>
    </row>
    <row r="13" spans="1:174" s="2" customFormat="1" ht="27" customHeight="1">
      <c r="A13" s="11">
        <v>2025</v>
      </c>
      <c r="B13" s="9">
        <v>107</v>
      </c>
      <c r="C13" s="16" t="s">
        <v>180</v>
      </c>
      <c r="D13" s="9" t="s">
        <v>389</v>
      </c>
      <c r="E13" s="9" t="s">
        <v>1309</v>
      </c>
      <c r="F13" s="9" t="s">
        <v>1310</v>
      </c>
      <c r="G13" s="9" t="s">
        <v>1311</v>
      </c>
      <c r="H13" s="9" t="s">
        <v>1312</v>
      </c>
      <c r="I13" s="9" t="s">
        <v>1313</v>
      </c>
      <c r="J13" s="9">
        <v>500</v>
      </c>
      <c r="K13" s="9">
        <v>5</v>
      </c>
      <c r="L13" s="9">
        <v>500</v>
      </c>
      <c r="M13" s="9"/>
      <c r="N13" s="9" t="s">
        <v>1314</v>
      </c>
      <c r="O13" s="31" t="s">
        <v>269</v>
      </c>
      <c r="P13" s="9" t="s">
        <v>1231</v>
      </c>
      <c r="Q13" s="9" t="s">
        <v>89</v>
      </c>
      <c r="R13" s="9" t="s">
        <v>64</v>
      </c>
      <c r="S13" s="9" t="s">
        <v>134</v>
      </c>
      <c r="T13" s="9" t="s">
        <v>66</v>
      </c>
      <c r="U13" s="9"/>
      <c r="V13" s="9" t="s">
        <v>66</v>
      </c>
      <c r="W13" s="9"/>
      <c r="X13" s="9" t="s">
        <v>66</v>
      </c>
      <c r="Y13" s="9" t="s">
        <v>67</v>
      </c>
      <c r="Z13" s="9"/>
      <c r="AA13" s="9" t="s">
        <v>66</v>
      </c>
      <c r="AB13" s="9"/>
      <c r="AC13" s="9" t="s">
        <v>66</v>
      </c>
      <c r="AD13" s="9"/>
      <c r="AE13" s="9" t="s">
        <v>66</v>
      </c>
      <c r="AF13" s="9" t="s">
        <v>66</v>
      </c>
      <c r="AG13" s="9" t="s">
        <v>67</v>
      </c>
      <c r="AH13" s="9"/>
      <c r="AI13" s="9" t="s">
        <v>67</v>
      </c>
      <c r="AJ13" s="9"/>
      <c r="AK13" s="9"/>
      <c r="AL13" s="9"/>
      <c r="AM13" s="9" t="s">
        <v>67</v>
      </c>
      <c r="AN13" s="9"/>
      <c r="AO13" s="9"/>
      <c r="AP13" s="9" t="s">
        <v>67</v>
      </c>
      <c r="AQ13" s="9" t="s">
        <v>67</v>
      </c>
      <c r="AR13" s="9" t="s">
        <v>1315</v>
      </c>
      <c r="AS13" s="9" t="s">
        <v>64</v>
      </c>
      <c r="AT13" s="9" t="s">
        <v>1316</v>
      </c>
      <c r="AU13" s="9" t="s">
        <v>151</v>
      </c>
      <c r="AV13" s="9">
        <v>0</v>
      </c>
      <c r="AW13" s="9" t="s">
        <v>1317</v>
      </c>
      <c r="AX13" s="9" t="s">
        <v>1318</v>
      </c>
      <c r="AY13" s="9" t="s">
        <v>1319</v>
      </c>
      <c r="AZ13" s="9" t="s">
        <v>1320</v>
      </c>
    </row>
    <row r="14" spans="1:174" s="2" customFormat="1" ht="27" customHeight="1">
      <c r="A14" s="11" t="s">
        <v>1364</v>
      </c>
      <c r="B14" s="9">
        <v>109</v>
      </c>
      <c r="C14" s="16" t="s">
        <v>180</v>
      </c>
      <c r="D14" s="9" t="s">
        <v>389</v>
      </c>
      <c r="E14" s="9" t="s">
        <v>1858</v>
      </c>
      <c r="F14" s="9" t="s">
        <v>1859</v>
      </c>
      <c r="G14" s="9" t="s">
        <v>1860</v>
      </c>
      <c r="H14" s="9" t="s">
        <v>222</v>
      </c>
      <c r="I14" s="9" t="s">
        <v>1861</v>
      </c>
      <c r="J14" s="9">
        <v>0</v>
      </c>
      <c r="K14" s="9">
        <v>0</v>
      </c>
      <c r="L14" s="9">
        <v>0</v>
      </c>
      <c r="M14" s="9"/>
      <c r="N14" s="9" t="s">
        <v>1862</v>
      </c>
      <c r="O14" s="9" t="s">
        <v>1863</v>
      </c>
      <c r="P14" s="9" t="s">
        <v>901</v>
      </c>
      <c r="Q14" s="9" t="s">
        <v>1840</v>
      </c>
      <c r="R14" s="9" t="s">
        <v>64</v>
      </c>
      <c r="S14" s="9">
        <v>0</v>
      </c>
      <c r="T14" s="9" t="s">
        <v>65</v>
      </c>
      <c r="U14" s="9" t="s">
        <v>65</v>
      </c>
      <c r="V14" s="9" t="s">
        <v>67</v>
      </c>
      <c r="W14" s="9" t="s">
        <v>67</v>
      </c>
      <c r="X14" s="9" t="s">
        <v>67</v>
      </c>
      <c r="Y14" s="9" t="s">
        <v>67</v>
      </c>
      <c r="Z14" s="9" t="s">
        <v>67</v>
      </c>
      <c r="AA14" s="9" t="s">
        <v>67</v>
      </c>
      <c r="AB14" s="9" t="s">
        <v>67</v>
      </c>
      <c r="AC14" s="9" t="s">
        <v>65</v>
      </c>
      <c r="AD14" s="9" t="s">
        <v>67</v>
      </c>
      <c r="AE14" s="9" t="s">
        <v>65</v>
      </c>
      <c r="AF14" s="9" t="s">
        <v>67</v>
      </c>
      <c r="AG14" s="9" t="s">
        <v>67</v>
      </c>
      <c r="AH14" s="9" t="s">
        <v>67</v>
      </c>
      <c r="AI14" s="9" t="s">
        <v>67</v>
      </c>
      <c r="AJ14" s="9" t="s">
        <v>67</v>
      </c>
      <c r="AK14" s="9" t="s">
        <v>67</v>
      </c>
      <c r="AL14" s="9" t="s">
        <v>67</v>
      </c>
      <c r="AM14" s="9" t="s">
        <v>67</v>
      </c>
      <c r="AN14" s="9" t="s">
        <v>67</v>
      </c>
      <c r="AO14" s="9" t="s">
        <v>67</v>
      </c>
      <c r="AP14" s="9" t="s">
        <v>67</v>
      </c>
      <c r="AQ14" s="9" t="s">
        <v>67</v>
      </c>
      <c r="AR14" s="9" t="s">
        <v>1864</v>
      </c>
      <c r="AS14" s="9" t="s">
        <v>64</v>
      </c>
      <c r="AT14" s="9">
        <v>0</v>
      </c>
      <c r="AU14" s="9" t="s">
        <v>151</v>
      </c>
      <c r="AV14" s="9" t="s">
        <v>1865</v>
      </c>
      <c r="AW14" s="9" t="s">
        <v>1866</v>
      </c>
      <c r="AX14" s="9" t="s">
        <v>1867</v>
      </c>
      <c r="AY14" s="9" t="s">
        <v>682</v>
      </c>
      <c r="AZ14" s="9" t="s">
        <v>1868</v>
      </c>
    </row>
    <row r="15" spans="1:174" s="12" customFormat="1" ht="27" customHeight="1">
      <c r="A15" s="11">
        <v>2025</v>
      </c>
      <c r="B15" s="9">
        <v>166</v>
      </c>
      <c r="C15" s="16" t="s">
        <v>180</v>
      </c>
      <c r="D15" s="9" t="s">
        <v>817</v>
      </c>
      <c r="E15" s="9" t="s">
        <v>818</v>
      </c>
      <c r="F15" s="9" t="s">
        <v>819</v>
      </c>
      <c r="G15" s="9" t="s">
        <v>820</v>
      </c>
      <c r="H15" s="9" t="s">
        <v>821</v>
      </c>
      <c r="I15" s="9" t="s">
        <v>822</v>
      </c>
      <c r="J15" s="9">
        <v>0</v>
      </c>
      <c r="K15" s="9">
        <v>5</v>
      </c>
      <c r="L15" s="9">
        <v>0</v>
      </c>
      <c r="M15" s="9" t="s">
        <v>196</v>
      </c>
      <c r="N15" s="9" t="s">
        <v>823</v>
      </c>
      <c r="O15" s="9" t="s">
        <v>824</v>
      </c>
      <c r="P15" s="9" t="s">
        <v>825</v>
      </c>
      <c r="Q15" s="9" t="s">
        <v>106</v>
      </c>
      <c r="R15" s="9" t="s">
        <v>64</v>
      </c>
      <c r="S15" s="9" t="s">
        <v>826</v>
      </c>
      <c r="T15" s="9" t="s">
        <v>66</v>
      </c>
      <c r="U15" s="9" t="s">
        <v>66</v>
      </c>
      <c r="V15" s="9" t="s">
        <v>66</v>
      </c>
      <c r="W15" s="9" t="s">
        <v>66</v>
      </c>
      <c r="X15" s="9" t="s">
        <v>67</v>
      </c>
      <c r="Y15" s="9" t="s">
        <v>67</v>
      </c>
      <c r="Z15" s="9" t="s">
        <v>67</v>
      </c>
      <c r="AA15" s="9" t="s">
        <v>66</v>
      </c>
      <c r="AB15" s="9" t="s">
        <v>66</v>
      </c>
      <c r="AC15" s="9" t="s">
        <v>66</v>
      </c>
      <c r="AD15" s="9" t="s">
        <v>67</v>
      </c>
      <c r="AE15" s="9" t="s">
        <v>66</v>
      </c>
      <c r="AF15" s="9" t="s">
        <v>67</v>
      </c>
      <c r="AG15" s="9" t="s">
        <v>67</v>
      </c>
      <c r="AH15" s="9" t="s">
        <v>66</v>
      </c>
      <c r="AI15" s="9" t="s">
        <v>67</v>
      </c>
      <c r="AJ15" s="9" t="s">
        <v>66</v>
      </c>
      <c r="AK15" s="9" t="s">
        <v>66</v>
      </c>
      <c r="AL15" s="9" t="s">
        <v>66</v>
      </c>
      <c r="AM15" s="9" t="s">
        <v>66</v>
      </c>
      <c r="AN15" s="9" t="s">
        <v>67</v>
      </c>
      <c r="AO15" s="9" t="s">
        <v>66</v>
      </c>
      <c r="AP15" s="9" t="s">
        <v>67</v>
      </c>
      <c r="AQ15" s="9" t="s">
        <v>67</v>
      </c>
      <c r="AR15" s="9" t="s">
        <v>821</v>
      </c>
      <c r="AS15" s="9" t="s">
        <v>64</v>
      </c>
      <c r="AT15" s="9" t="s">
        <v>62</v>
      </c>
      <c r="AU15" s="9" t="s">
        <v>162</v>
      </c>
      <c r="AV15" s="9" t="s">
        <v>222</v>
      </c>
      <c r="AW15" s="9" t="s">
        <v>827</v>
      </c>
      <c r="AX15" s="9" t="s">
        <v>827</v>
      </c>
      <c r="AY15" s="9" t="s">
        <v>828</v>
      </c>
      <c r="AZ15" s="9" t="s">
        <v>828</v>
      </c>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row>
    <row r="16" spans="1:174" s="2" customFormat="1" ht="27" customHeight="1">
      <c r="A16" s="11">
        <v>2025</v>
      </c>
      <c r="B16" s="9">
        <v>252</v>
      </c>
      <c r="C16" s="16" t="s">
        <v>180</v>
      </c>
      <c r="D16" s="9" t="s">
        <v>1695</v>
      </c>
      <c r="E16" s="9" t="s">
        <v>1696</v>
      </c>
      <c r="F16" s="9" t="s">
        <v>1697</v>
      </c>
      <c r="G16" s="9" t="s">
        <v>1698</v>
      </c>
      <c r="H16" s="9" t="s">
        <v>1699</v>
      </c>
      <c r="I16" s="9" t="s">
        <v>1700</v>
      </c>
      <c r="J16" s="9">
        <v>0</v>
      </c>
      <c r="K16" s="9">
        <v>0</v>
      </c>
      <c r="L16" s="9">
        <v>0</v>
      </c>
      <c r="M16" s="9"/>
      <c r="N16" s="9" t="s">
        <v>1701</v>
      </c>
      <c r="O16" s="9" t="s">
        <v>1702</v>
      </c>
      <c r="P16" s="9" t="s">
        <v>1703</v>
      </c>
      <c r="Q16" s="9" t="s">
        <v>121</v>
      </c>
      <c r="R16" s="9" t="s">
        <v>64</v>
      </c>
      <c r="S16" s="9" t="s">
        <v>1704</v>
      </c>
      <c r="T16" s="9" t="s">
        <v>66</v>
      </c>
      <c r="U16" s="9" t="s">
        <v>66</v>
      </c>
      <c r="V16" s="9" t="s">
        <v>67</v>
      </c>
      <c r="W16" s="9" t="s">
        <v>66</v>
      </c>
      <c r="X16" s="9" t="s">
        <v>67</v>
      </c>
      <c r="Y16" s="9" t="s">
        <v>67</v>
      </c>
      <c r="Z16" s="9" t="s">
        <v>67</v>
      </c>
      <c r="AA16" s="9" t="s">
        <v>67</v>
      </c>
      <c r="AB16" s="9" t="s">
        <v>67</v>
      </c>
      <c r="AC16" s="9" t="s">
        <v>66</v>
      </c>
      <c r="AD16" s="9" t="s">
        <v>67</v>
      </c>
      <c r="AE16" s="9" t="s">
        <v>67</v>
      </c>
      <c r="AF16" s="9" t="s">
        <v>66</v>
      </c>
      <c r="AG16" s="9" t="s">
        <v>67</v>
      </c>
      <c r="AH16" s="9" t="s">
        <v>67</v>
      </c>
      <c r="AI16" s="9" t="s">
        <v>67</v>
      </c>
      <c r="AJ16" s="9" t="s">
        <v>67</v>
      </c>
      <c r="AK16" s="9" t="s">
        <v>67</v>
      </c>
      <c r="AL16" s="9" t="s">
        <v>67</v>
      </c>
      <c r="AM16" s="9" t="s">
        <v>66</v>
      </c>
      <c r="AN16" s="9" t="s">
        <v>67</v>
      </c>
      <c r="AO16" s="9" t="s">
        <v>67</v>
      </c>
      <c r="AP16" s="9" t="s">
        <v>66</v>
      </c>
      <c r="AQ16" s="9" t="s">
        <v>67</v>
      </c>
      <c r="AR16" s="9" t="s">
        <v>1699</v>
      </c>
      <c r="AS16" s="9" t="s">
        <v>64</v>
      </c>
      <c r="AT16" s="9">
        <v>0</v>
      </c>
      <c r="AU16" s="9" t="s">
        <v>108</v>
      </c>
      <c r="AV16" s="9" t="s">
        <v>1705</v>
      </c>
      <c r="AW16" s="9" t="s">
        <v>1706</v>
      </c>
      <c r="AX16" s="9" t="s">
        <v>1707</v>
      </c>
      <c r="AY16" s="9" t="s">
        <v>1341</v>
      </c>
      <c r="AZ16" s="9" t="s">
        <v>1377</v>
      </c>
    </row>
    <row r="17" spans="1:53" s="2" customFormat="1" ht="27" customHeight="1">
      <c r="A17" s="18" t="s">
        <v>1364</v>
      </c>
      <c r="B17" s="13">
        <v>241</v>
      </c>
      <c r="C17" s="16" t="s">
        <v>180</v>
      </c>
      <c r="D17" s="13" t="s">
        <v>1695</v>
      </c>
      <c r="E17" s="13" t="s">
        <v>1881</v>
      </c>
      <c r="F17" s="9" t="s">
        <v>1882</v>
      </c>
      <c r="G17" s="13" t="s">
        <v>1883</v>
      </c>
      <c r="H17" s="14" t="s">
        <v>219</v>
      </c>
      <c r="I17" s="13" t="s">
        <v>1884</v>
      </c>
      <c r="J17" s="13">
        <v>0</v>
      </c>
      <c r="K17" s="13">
        <v>0</v>
      </c>
      <c r="L17" s="13">
        <v>0</v>
      </c>
      <c r="M17" s="13"/>
      <c r="N17" s="13" t="s">
        <v>1885</v>
      </c>
      <c r="O17" s="13" t="s">
        <v>62</v>
      </c>
      <c r="P17" s="13" t="s">
        <v>323</v>
      </c>
      <c r="Q17" s="13" t="s">
        <v>1794</v>
      </c>
      <c r="R17" s="13" t="s">
        <v>64</v>
      </c>
      <c r="S17" s="13" t="s">
        <v>62</v>
      </c>
      <c r="T17" s="13" t="s">
        <v>65</v>
      </c>
      <c r="U17" s="13" t="s">
        <v>65</v>
      </c>
      <c r="V17" s="13" t="s">
        <v>65</v>
      </c>
      <c r="W17" s="13" t="s">
        <v>65</v>
      </c>
      <c r="X17" s="13" t="s">
        <v>67</v>
      </c>
      <c r="Y17" s="13" t="s">
        <v>67</v>
      </c>
      <c r="Z17" s="13" t="s">
        <v>67</v>
      </c>
      <c r="AA17" s="13" t="s">
        <v>67</v>
      </c>
      <c r="AB17" s="13" t="s">
        <v>67</v>
      </c>
      <c r="AC17" s="13" t="s">
        <v>65</v>
      </c>
      <c r="AD17" s="13" t="s">
        <v>67</v>
      </c>
      <c r="AE17" s="13" t="s">
        <v>67</v>
      </c>
      <c r="AF17" s="13" t="s">
        <v>67</v>
      </c>
      <c r="AG17" s="13" t="s">
        <v>67</v>
      </c>
      <c r="AH17" s="13" t="s">
        <v>67</v>
      </c>
      <c r="AI17" s="13" t="s">
        <v>67</v>
      </c>
      <c r="AJ17" s="13" t="s">
        <v>67</v>
      </c>
      <c r="AK17" s="13" t="s">
        <v>67</v>
      </c>
      <c r="AL17" s="13" t="s">
        <v>67</v>
      </c>
      <c r="AM17" s="13" t="s">
        <v>65</v>
      </c>
      <c r="AN17" s="13" t="s">
        <v>67</v>
      </c>
      <c r="AO17" s="13" t="s">
        <v>67</v>
      </c>
      <c r="AP17" s="13" t="s">
        <v>67</v>
      </c>
      <c r="AQ17" s="13" t="s">
        <v>67</v>
      </c>
      <c r="AR17" s="14" t="s">
        <v>219</v>
      </c>
      <c r="AS17" s="13" t="s">
        <v>64</v>
      </c>
      <c r="AT17" s="13" t="s">
        <v>1886</v>
      </c>
      <c r="AU17" s="13" t="s">
        <v>286</v>
      </c>
      <c r="AV17" s="13" t="s">
        <v>1887</v>
      </c>
      <c r="AW17" s="13" t="s">
        <v>1888</v>
      </c>
      <c r="AX17" s="13" t="s">
        <v>453</v>
      </c>
      <c r="AY17" s="13" t="s">
        <v>1889</v>
      </c>
      <c r="AZ17" s="13" t="s">
        <v>387</v>
      </c>
      <c r="BA17" s="15"/>
    </row>
    <row r="18" spans="1:53" s="2" customFormat="1" ht="27" customHeight="1">
      <c r="A18" s="11">
        <v>2025</v>
      </c>
      <c r="B18" s="9">
        <v>322</v>
      </c>
      <c r="C18" s="16" t="s">
        <v>180</v>
      </c>
      <c r="D18" s="9" t="s">
        <v>181</v>
      </c>
      <c r="E18" s="9" t="s">
        <v>182</v>
      </c>
      <c r="F18" s="9" t="s">
        <v>183</v>
      </c>
      <c r="G18" s="9" t="s">
        <v>184</v>
      </c>
      <c r="H18" s="9" t="s">
        <v>1945</v>
      </c>
      <c r="I18" s="9" t="s">
        <v>1946</v>
      </c>
      <c r="J18" s="9">
        <v>0</v>
      </c>
      <c r="K18" s="9">
        <v>5.5</v>
      </c>
      <c r="L18" s="9">
        <v>0</v>
      </c>
      <c r="M18" s="9" t="s">
        <v>186</v>
      </c>
      <c r="N18" s="9"/>
      <c r="O18" s="9" t="s">
        <v>136</v>
      </c>
      <c r="P18" s="9" t="s">
        <v>187</v>
      </c>
      <c r="Q18" s="9" t="s">
        <v>106</v>
      </c>
      <c r="R18" s="9" t="s">
        <v>64</v>
      </c>
      <c r="S18" s="9">
        <v>0</v>
      </c>
      <c r="T18" s="9" t="s">
        <v>66</v>
      </c>
      <c r="U18" s="9" t="s">
        <v>66</v>
      </c>
      <c r="V18" s="9"/>
      <c r="W18" s="9" t="s">
        <v>67</v>
      </c>
      <c r="X18" s="9" t="s">
        <v>66</v>
      </c>
      <c r="Y18" s="9" t="s">
        <v>66</v>
      </c>
      <c r="Z18" s="9" t="s">
        <v>67</v>
      </c>
      <c r="AA18" s="9" t="s">
        <v>66</v>
      </c>
      <c r="AB18" s="9" t="s">
        <v>67</v>
      </c>
      <c r="AC18" s="9" t="s">
        <v>68</v>
      </c>
      <c r="AD18" s="9" t="s">
        <v>68</v>
      </c>
      <c r="AE18" s="9"/>
      <c r="AF18" s="9" t="s">
        <v>68</v>
      </c>
      <c r="AG18" s="9" t="s">
        <v>67</v>
      </c>
      <c r="AH18" s="9" t="s">
        <v>66</v>
      </c>
      <c r="AI18" s="9" t="s">
        <v>66</v>
      </c>
      <c r="AJ18" s="9" t="s">
        <v>66</v>
      </c>
      <c r="AK18" s="9" t="s">
        <v>66</v>
      </c>
      <c r="AL18" s="9" t="s">
        <v>66</v>
      </c>
      <c r="AM18" s="9" t="s">
        <v>66</v>
      </c>
      <c r="AN18" s="9" t="s">
        <v>66</v>
      </c>
      <c r="AO18" s="9" t="s">
        <v>66</v>
      </c>
      <c r="AP18" s="9" t="s">
        <v>66</v>
      </c>
      <c r="AQ18" s="9" t="s">
        <v>66</v>
      </c>
      <c r="AR18" s="9" t="s">
        <v>185</v>
      </c>
      <c r="AS18" s="9" t="s">
        <v>64</v>
      </c>
      <c r="AT18" s="9">
        <v>0</v>
      </c>
      <c r="AU18" s="11" t="s">
        <v>71</v>
      </c>
      <c r="AV18" s="9" t="s">
        <v>185</v>
      </c>
      <c r="AW18" s="9" t="s">
        <v>188</v>
      </c>
      <c r="AX18" s="9" t="s">
        <v>189</v>
      </c>
      <c r="AY18" s="9" t="s">
        <v>190</v>
      </c>
      <c r="AZ18" s="9" t="s">
        <v>191</v>
      </c>
    </row>
    <row r="19" spans="1:53" s="2" customFormat="1" ht="27" customHeight="1">
      <c r="A19" s="11">
        <v>2025</v>
      </c>
      <c r="B19" s="9">
        <v>113</v>
      </c>
      <c r="C19" s="16" t="s">
        <v>180</v>
      </c>
      <c r="D19" s="9" t="s">
        <v>181</v>
      </c>
      <c r="E19" s="9" t="s">
        <v>182</v>
      </c>
      <c r="F19" s="9" t="s">
        <v>192</v>
      </c>
      <c r="G19" s="9" t="s">
        <v>193</v>
      </c>
      <c r="H19" s="9" t="s">
        <v>194</v>
      </c>
      <c r="I19" s="11" t="s">
        <v>195</v>
      </c>
      <c r="J19" s="9">
        <v>500</v>
      </c>
      <c r="K19" s="9">
        <v>5</v>
      </c>
      <c r="L19" s="9">
        <v>0</v>
      </c>
      <c r="M19" s="9" t="s">
        <v>196</v>
      </c>
      <c r="N19" s="9" t="s">
        <v>197</v>
      </c>
      <c r="O19" s="9" t="s">
        <v>197</v>
      </c>
      <c r="P19" s="9" t="s">
        <v>198</v>
      </c>
      <c r="Q19" s="9" t="s">
        <v>89</v>
      </c>
      <c r="R19" s="9" t="s">
        <v>64</v>
      </c>
      <c r="S19" s="9">
        <v>0</v>
      </c>
      <c r="T19" s="11" t="s">
        <v>66</v>
      </c>
      <c r="U19" s="11" t="s">
        <v>66</v>
      </c>
      <c r="V19" s="11" t="s">
        <v>66</v>
      </c>
      <c r="W19" s="11" t="s">
        <v>66</v>
      </c>
      <c r="X19" s="11"/>
      <c r="Y19" s="11" t="s">
        <v>67</v>
      </c>
      <c r="Z19" s="11" t="s">
        <v>66</v>
      </c>
      <c r="AA19" s="11" t="s">
        <v>66</v>
      </c>
      <c r="AB19" s="11" t="s">
        <v>66</v>
      </c>
      <c r="AC19" s="11" t="s">
        <v>66</v>
      </c>
      <c r="AD19" s="11" t="s">
        <v>66</v>
      </c>
      <c r="AE19" s="11" t="s">
        <v>66</v>
      </c>
      <c r="AF19" s="11" t="s">
        <v>67</v>
      </c>
      <c r="AG19" s="11"/>
      <c r="AH19" s="11" t="s">
        <v>67</v>
      </c>
      <c r="AI19" s="11" t="s">
        <v>67</v>
      </c>
      <c r="AJ19" s="11" t="s">
        <v>66</v>
      </c>
      <c r="AK19" s="11" t="s">
        <v>66</v>
      </c>
      <c r="AL19" s="11" t="s">
        <v>66</v>
      </c>
      <c r="AM19" s="11" t="s">
        <v>66</v>
      </c>
      <c r="AN19" s="11" t="s">
        <v>66</v>
      </c>
      <c r="AO19" s="11" t="s">
        <v>66</v>
      </c>
      <c r="AP19" s="11" t="s">
        <v>67</v>
      </c>
      <c r="AQ19" s="11" t="s">
        <v>67</v>
      </c>
      <c r="AR19" s="11" t="s">
        <v>194</v>
      </c>
      <c r="AS19" s="11" t="s">
        <v>64</v>
      </c>
      <c r="AT19" s="11">
        <v>0</v>
      </c>
      <c r="AU19" s="11" t="s">
        <v>71</v>
      </c>
      <c r="AV19" s="9" t="s">
        <v>199</v>
      </c>
      <c r="AW19" s="17">
        <v>45899</v>
      </c>
      <c r="AX19" s="9" t="s">
        <v>200</v>
      </c>
      <c r="AY19" s="17">
        <v>45777</v>
      </c>
      <c r="AZ19" s="9" t="s">
        <v>201</v>
      </c>
    </row>
    <row r="20" spans="1:53" s="2" customFormat="1" ht="27" customHeight="1">
      <c r="A20" s="11">
        <v>2025</v>
      </c>
      <c r="B20" s="9">
        <v>373</v>
      </c>
      <c r="C20" s="16" t="s">
        <v>180</v>
      </c>
      <c r="D20" s="9" t="s">
        <v>181</v>
      </c>
      <c r="E20" s="9" t="s">
        <v>182</v>
      </c>
      <c r="F20" s="9" t="s">
        <v>365</v>
      </c>
      <c r="G20" s="9" t="s">
        <v>366</v>
      </c>
      <c r="H20" s="9" t="s">
        <v>367</v>
      </c>
      <c r="I20" s="9" t="s">
        <v>368</v>
      </c>
      <c r="J20" s="9">
        <v>0</v>
      </c>
      <c r="K20" s="9">
        <v>0</v>
      </c>
      <c r="L20" s="9">
        <v>0</v>
      </c>
      <c r="M20" s="9"/>
      <c r="N20" s="9" t="s">
        <v>369</v>
      </c>
      <c r="O20" s="9" t="s">
        <v>62</v>
      </c>
      <c r="P20" s="9" t="s">
        <v>370</v>
      </c>
      <c r="Q20" s="9" t="s">
        <v>106</v>
      </c>
      <c r="R20" s="9" t="s">
        <v>64</v>
      </c>
      <c r="S20" s="9" t="s">
        <v>371</v>
      </c>
      <c r="T20" s="9" t="s">
        <v>66</v>
      </c>
      <c r="U20" s="9" t="s">
        <v>66</v>
      </c>
      <c r="V20" s="9" t="s">
        <v>67</v>
      </c>
      <c r="W20" s="9" t="s">
        <v>67</v>
      </c>
      <c r="X20" s="9" t="s">
        <v>67</v>
      </c>
      <c r="Y20" s="9" t="s">
        <v>67</v>
      </c>
      <c r="Z20" s="9" t="s">
        <v>67</v>
      </c>
      <c r="AA20" s="9" t="s">
        <v>67</v>
      </c>
      <c r="AB20" s="9" t="s">
        <v>67</v>
      </c>
      <c r="AC20" s="9" t="s">
        <v>67</v>
      </c>
      <c r="AD20" s="9" t="s">
        <v>66</v>
      </c>
      <c r="AE20" s="9" t="s">
        <v>67</v>
      </c>
      <c r="AF20" s="9" t="s">
        <v>67</v>
      </c>
      <c r="AG20" s="9" t="s">
        <v>66</v>
      </c>
      <c r="AH20" s="9" t="s">
        <v>67</v>
      </c>
      <c r="AI20" s="9" t="s">
        <v>67</v>
      </c>
      <c r="AJ20" s="9" t="s">
        <v>67</v>
      </c>
      <c r="AK20" s="9" t="s">
        <v>67</v>
      </c>
      <c r="AL20" s="9" t="s">
        <v>67</v>
      </c>
      <c r="AM20" s="9" t="s">
        <v>67</v>
      </c>
      <c r="AN20" s="9" t="s">
        <v>67</v>
      </c>
      <c r="AO20" s="9" t="s">
        <v>67</v>
      </c>
      <c r="AP20" s="9" t="s">
        <v>67</v>
      </c>
      <c r="AQ20" s="9" t="s">
        <v>67</v>
      </c>
      <c r="AR20" s="9" t="s">
        <v>367</v>
      </c>
      <c r="AS20" s="24" t="s">
        <v>90</v>
      </c>
      <c r="AT20" s="9" t="s">
        <v>372</v>
      </c>
      <c r="AU20" s="9" t="s">
        <v>108</v>
      </c>
      <c r="AV20" s="9" t="s">
        <v>373</v>
      </c>
      <c r="AW20" s="9" t="s">
        <v>374</v>
      </c>
      <c r="AX20" s="9" t="s">
        <v>375</v>
      </c>
      <c r="AY20" s="9" t="s">
        <v>374</v>
      </c>
      <c r="AZ20" s="9" t="s">
        <v>375</v>
      </c>
    </row>
    <row r="21" spans="1:53" s="2" customFormat="1" ht="27" customHeight="1">
      <c r="A21" s="11">
        <v>2025</v>
      </c>
      <c r="B21" s="9">
        <v>170</v>
      </c>
      <c r="C21" s="16" t="s">
        <v>180</v>
      </c>
      <c r="D21" s="9" t="s">
        <v>181</v>
      </c>
      <c r="E21" s="9" t="s">
        <v>1095</v>
      </c>
      <c r="F21" s="9" t="s">
        <v>1096</v>
      </c>
      <c r="G21" s="9" t="s">
        <v>1097</v>
      </c>
      <c r="H21" s="9" t="s">
        <v>1098</v>
      </c>
      <c r="I21" s="9" t="s">
        <v>295</v>
      </c>
      <c r="J21" s="9">
        <v>0</v>
      </c>
      <c r="K21" s="9">
        <v>0</v>
      </c>
      <c r="L21" s="9">
        <v>0</v>
      </c>
      <c r="M21" s="9" t="s">
        <v>86</v>
      </c>
      <c r="N21" s="9" t="s">
        <v>1099</v>
      </c>
      <c r="O21" s="9" t="s">
        <v>134</v>
      </c>
      <c r="P21" s="9" t="s">
        <v>1100</v>
      </c>
      <c r="Q21" s="9" t="s">
        <v>121</v>
      </c>
      <c r="R21" s="9" t="s">
        <v>64</v>
      </c>
      <c r="S21" s="9">
        <v>0</v>
      </c>
      <c r="T21" s="9" t="s">
        <v>66</v>
      </c>
      <c r="U21" s="9" t="s">
        <v>66</v>
      </c>
      <c r="V21" s="9" t="s">
        <v>67</v>
      </c>
      <c r="W21" s="9" t="s">
        <v>67</v>
      </c>
      <c r="X21" s="9" t="s">
        <v>67</v>
      </c>
      <c r="Y21" s="9" t="s">
        <v>67</v>
      </c>
      <c r="Z21" s="9" t="s">
        <v>67</v>
      </c>
      <c r="AA21" s="9" t="s">
        <v>67</v>
      </c>
      <c r="AB21" s="9" t="s">
        <v>67</v>
      </c>
      <c r="AC21" s="9" t="s">
        <v>66</v>
      </c>
      <c r="AD21" s="9" t="s">
        <v>67</v>
      </c>
      <c r="AE21" s="9" t="s">
        <v>66</v>
      </c>
      <c r="AF21" s="9" t="s">
        <v>67</v>
      </c>
      <c r="AG21" s="9" t="s">
        <v>67</v>
      </c>
      <c r="AH21" s="9" t="s">
        <v>67</v>
      </c>
      <c r="AI21" s="9" t="s">
        <v>67</v>
      </c>
      <c r="AJ21" s="9" t="s">
        <v>67</v>
      </c>
      <c r="AK21" s="9" t="s">
        <v>67</v>
      </c>
      <c r="AL21" s="9" t="s">
        <v>67</v>
      </c>
      <c r="AM21" s="9" t="s">
        <v>67</v>
      </c>
      <c r="AN21" s="9" t="s">
        <v>67</v>
      </c>
      <c r="AO21" s="9" t="s">
        <v>67</v>
      </c>
      <c r="AP21" s="9" t="s">
        <v>67</v>
      </c>
      <c r="AQ21" s="9" t="s">
        <v>67</v>
      </c>
      <c r="AR21" s="9" t="s">
        <v>1101</v>
      </c>
      <c r="AS21" s="9" t="s">
        <v>64</v>
      </c>
      <c r="AT21" s="9" t="s">
        <v>1102</v>
      </c>
      <c r="AU21" s="9" t="s">
        <v>151</v>
      </c>
      <c r="AV21" s="9" t="s">
        <v>1103</v>
      </c>
      <c r="AW21" s="9" t="s">
        <v>1104</v>
      </c>
      <c r="AX21" s="9" t="s">
        <v>1105</v>
      </c>
      <c r="AY21" s="9" t="s">
        <v>1106</v>
      </c>
      <c r="AZ21" s="9" t="s">
        <v>1107</v>
      </c>
    </row>
    <row r="22" spans="1:53" s="2" customFormat="1" ht="27" customHeight="1">
      <c r="A22" s="11">
        <v>2025</v>
      </c>
      <c r="B22" s="9">
        <v>639</v>
      </c>
      <c r="C22" s="16" t="s">
        <v>180</v>
      </c>
      <c r="D22" s="9" t="s">
        <v>181</v>
      </c>
      <c r="E22" s="9" t="s">
        <v>1161</v>
      </c>
      <c r="F22" s="9" t="s">
        <v>1162</v>
      </c>
      <c r="G22" s="9" t="s">
        <v>1163</v>
      </c>
      <c r="H22" s="9" t="s">
        <v>1164</v>
      </c>
      <c r="I22" s="9" t="s">
        <v>1165</v>
      </c>
      <c r="J22" s="9">
        <v>500</v>
      </c>
      <c r="K22" s="9">
        <v>5</v>
      </c>
      <c r="L22" s="9">
        <v>680</v>
      </c>
      <c r="M22" s="9" t="s">
        <v>196</v>
      </c>
      <c r="N22" s="9" t="s">
        <v>1166</v>
      </c>
      <c r="O22" s="9" t="s">
        <v>561</v>
      </c>
      <c r="P22" s="9" t="s">
        <v>1167</v>
      </c>
      <c r="Q22" s="9" t="s">
        <v>89</v>
      </c>
      <c r="R22" s="9" t="s">
        <v>64</v>
      </c>
      <c r="S22" s="9" t="s">
        <v>1168</v>
      </c>
      <c r="T22" s="9" t="s">
        <v>67</v>
      </c>
      <c r="U22" s="9" t="s">
        <v>67</v>
      </c>
      <c r="V22" s="9" t="s">
        <v>66</v>
      </c>
      <c r="W22" s="9" t="s">
        <v>66</v>
      </c>
      <c r="X22" s="9" t="s">
        <v>67</v>
      </c>
      <c r="Y22" s="9" t="s">
        <v>67</v>
      </c>
      <c r="Z22" s="9" t="s">
        <v>67</v>
      </c>
      <c r="AA22" s="9" t="s">
        <v>67</v>
      </c>
      <c r="AB22" s="9" t="s">
        <v>67</v>
      </c>
      <c r="AC22" s="9" t="s">
        <v>67</v>
      </c>
      <c r="AD22" s="9" t="s">
        <v>67</v>
      </c>
      <c r="AE22" s="9" t="s">
        <v>67</v>
      </c>
      <c r="AF22" s="9" t="s">
        <v>67</v>
      </c>
      <c r="AG22" s="9" t="s">
        <v>67</v>
      </c>
      <c r="AH22" s="9" t="s">
        <v>66</v>
      </c>
      <c r="AI22" s="9" t="s">
        <v>67</v>
      </c>
      <c r="AJ22" s="9" t="s">
        <v>66</v>
      </c>
      <c r="AK22" s="9" t="s">
        <v>67</v>
      </c>
      <c r="AL22" s="9" t="s">
        <v>67</v>
      </c>
      <c r="AM22" s="9" t="s">
        <v>67</v>
      </c>
      <c r="AN22" s="9" t="s">
        <v>67</v>
      </c>
      <c r="AO22" s="9" t="s">
        <v>67</v>
      </c>
      <c r="AP22" s="9" t="s">
        <v>67</v>
      </c>
      <c r="AQ22" s="9" t="s">
        <v>67</v>
      </c>
      <c r="AR22" s="9" t="s">
        <v>1164</v>
      </c>
      <c r="AS22" s="24" t="s">
        <v>90</v>
      </c>
      <c r="AT22" s="9" t="s">
        <v>1169</v>
      </c>
      <c r="AU22" s="9" t="s">
        <v>151</v>
      </c>
      <c r="AV22" s="9" t="s">
        <v>1170</v>
      </c>
      <c r="AW22" s="9" t="s">
        <v>655</v>
      </c>
      <c r="AX22" s="9" t="s">
        <v>655</v>
      </c>
      <c r="AY22" s="9" t="s">
        <v>1171</v>
      </c>
      <c r="AZ22" s="9" t="s">
        <v>1171</v>
      </c>
    </row>
    <row r="23" spans="1:53" s="2" customFormat="1" ht="27" customHeight="1">
      <c r="A23" s="11">
        <v>2025</v>
      </c>
      <c r="B23" s="9">
        <v>114</v>
      </c>
      <c r="C23" s="16" t="s">
        <v>180</v>
      </c>
      <c r="D23" s="9" t="s">
        <v>181</v>
      </c>
      <c r="E23" s="9" t="s">
        <v>1200</v>
      </c>
      <c r="F23" s="9" t="s">
        <v>1201</v>
      </c>
      <c r="G23" s="9" t="s">
        <v>1202</v>
      </c>
      <c r="H23" s="9" t="s">
        <v>1203</v>
      </c>
      <c r="I23" s="9" t="s">
        <v>1204</v>
      </c>
      <c r="J23" s="9">
        <v>72</v>
      </c>
      <c r="K23" s="9">
        <v>6</v>
      </c>
      <c r="L23" s="9">
        <v>600</v>
      </c>
      <c r="M23" s="9"/>
      <c r="N23" s="9" t="s">
        <v>1113</v>
      </c>
      <c r="O23" s="9" t="s">
        <v>134</v>
      </c>
      <c r="P23" s="9" t="s">
        <v>1205</v>
      </c>
      <c r="Q23" s="9" t="s">
        <v>539</v>
      </c>
      <c r="R23" s="9" t="s">
        <v>64</v>
      </c>
      <c r="S23" s="9" t="s">
        <v>1206</v>
      </c>
      <c r="T23" s="9" t="s">
        <v>65</v>
      </c>
      <c r="U23" s="9" t="s">
        <v>65</v>
      </c>
      <c r="V23" s="9" t="s">
        <v>65</v>
      </c>
      <c r="W23" s="9" t="s">
        <v>65</v>
      </c>
      <c r="X23" s="9" t="s">
        <v>65</v>
      </c>
      <c r="Y23" s="9" t="s">
        <v>67</v>
      </c>
      <c r="Z23" s="9" t="s">
        <v>67</v>
      </c>
      <c r="AA23" s="9" t="s">
        <v>65</v>
      </c>
      <c r="AB23" s="9" t="s">
        <v>65</v>
      </c>
      <c r="AC23" s="9" t="s">
        <v>67</v>
      </c>
      <c r="AD23" s="9" t="s">
        <v>67</v>
      </c>
      <c r="AE23" s="9" t="s">
        <v>65</v>
      </c>
      <c r="AF23" s="9" t="s">
        <v>67</v>
      </c>
      <c r="AG23" s="9" t="s">
        <v>67</v>
      </c>
      <c r="AH23" s="9" t="s">
        <v>67</v>
      </c>
      <c r="AI23" s="9" t="s">
        <v>67</v>
      </c>
      <c r="AJ23" s="9" t="s">
        <v>67</v>
      </c>
      <c r="AK23" s="9" t="s">
        <v>67</v>
      </c>
      <c r="AL23" s="9" t="s">
        <v>67</v>
      </c>
      <c r="AM23" s="9" t="s">
        <v>67</v>
      </c>
      <c r="AN23" s="9" t="s">
        <v>67</v>
      </c>
      <c r="AO23" s="9" t="s">
        <v>67</v>
      </c>
      <c r="AP23" s="9" t="s">
        <v>67</v>
      </c>
      <c r="AQ23" s="9" t="s">
        <v>67</v>
      </c>
      <c r="AR23" s="9" t="s">
        <v>1203</v>
      </c>
      <c r="AS23" s="9" t="s">
        <v>64</v>
      </c>
      <c r="AT23" s="9" t="s">
        <v>1207</v>
      </c>
      <c r="AU23" s="9" t="s">
        <v>108</v>
      </c>
      <c r="AV23" s="9" t="s">
        <v>134</v>
      </c>
      <c r="AW23" s="9" t="s">
        <v>1208</v>
      </c>
      <c r="AX23" s="9" t="s">
        <v>1208</v>
      </c>
      <c r="AY23" s="9" t="s">
        <v>1208</v>
      </c>
      <c r="AZ23" s="9" t="s">
        <v>1208</v>
      </c>
    </row>
    <row r="24" spans="1:53" s="2" customFormat="1" ht="27" customHeight="1">
      <c r="A24" s="11">
        <v>2025</v>
      </c>
      <c r="B24" s="9">
        <v>116</v>
      </c>
      <c r="C24" s="16" t="s">
        <v>180</v>
      </c>
      <c r="D24" s="9" t="s">
        <v>181</v>
      </c>
      <c r="E24" s="9" t="s">
        <v>182</v>
      </c>
      <c r="F24" s="9" t="s">
        <v>1237</v>
      </c>
      <c r="G24" s="9" t="s">
        <v>1238</v>
      </c>
      <c r="H24" s="13" t="s">
        <v>1239</v>
      </c>
      <c r="I24" s="13" t="s">
        <v>1240</v>
      </c>
      <c r="J24" s="13">
        <v>79</v>
      </c>
      <c r="K24" s="13">
        <v>6.5</v>
      </c>
      <c r="L24" s="13">
        <v>550</v>
      </c>
      <c r="M24" s="13"/>
      <c r="N24" s="13" t="s">
        <v>67</v>
      </c>
      <c r="O24" s="13" t="s">
        <v>1241</v>
      </c>
      <c r="P24" s="13" t="s">
        <v>1242</v>
      </c>
      <c r="Q24" s="13" t="s">
        <v>539</v>
      </c>
      <c r="R24" s="13" t="s">
        <v>64</v>
      </c>
      <c r="S24" s="13">
        <v>0</v>
      </c>
      <c r="T24" s="13" t="s">
        <v>65</v>
      </c>
      <c r="U24" s="13" t="s">
        <v>65</v>
      </c>
      <c r="V24" s="13" t="s">
        <v>65</v>
      </c>
      <c r="W24" s="13" t="s">
        <v>67</v>
      </c>
      <c r="X24" s="13" t="s">
        <v>65</v>
      </c>
      <c r="Y24" s="13" t="s">
        <v>67</v>
      </c>
      <c r="Z24" s="13" t="s">
        <v>67</v>
      </c>
      <c r="AA24" s="13" t="s">
        <v>65</v>
      </c>
      <c r="AB24" s="13" t="s">
        <v>65</v>
      </c>
      <c r="AC24" s="13" t="s">
        <v>65</v>
      </c>
      <c r="AD24" s="13" t="s">
        <v>67</v>
      </c>
      <c r="AE24" s="13" t="s">
        <v>67</v>
      </c>
      <c r="AF24" s="13" t="s">
        <v>67</v>
      </c>
      <c r="AG24" s="13" t="s">
        <v>67</v>
      </c>
      <c r="AH24" s="13" t="s">
        <v>65</v>
      </c>
      <c r="AI24" s="13" t="s">
        <v>67</v>
      </c>
      <c r="AJ24" s="13" t="s">
        <v>67</v>
      </c>
      <c r="AK24" s="13" t="s">
        <v>65</v>
      </c>
      <c r="AL24" s="13" t="s">
        <v>65</v>
      </c>
      <c r="AM24" s="13" t="s">
        <v>65</v>
      </c>
      <c r="AN24" s="13" t="s">
        <v>67</v>
      </c>
      <c r="AO24" s="13" t="s">
        <v>67</v>
      </c>
      <c r="AP24" s="13" t="s">
        <v>67</v>
      </c>
      <c r="AQ24" s="13" t="s">
        <v>67</v>
      </c>
      <c r="AR24" s="13" t="s">
        <v>1243</v>
      </c>
      <c r="AS24" s="13" t="s">
        <v>64</v>
      </c>
      <c r="AT24" s="13" t="s">
        <v>1244</v>
      </c>
      <c r="AU24" s="13" t="s">
        <v>108</v>
      </c>
      <c r="AV24" s="13" t="s">
        <v>1245</v>
      </c>
      <c r="AW24" s="13" t="s">
        <v>1246</v>
      </c>
      <c r="AX24" s="13" t="s">
        <v>1247</v>
      </c>
      <c r="AY24" s="13" t="s">
        <v>1248</v>
      </c>
      <c r="AZ24" s="13" t="s">
        <v>1249</v>
      </c>
    </row>
    <row r="25" spans="1:53" s="2" customFormat="1" ht="27" customHeight="1">
      <c r="A25" s="11">
        <v>2025</v>
      </c>
      <c r="B25" s="9">
        <v>641</v>
      </c>
      <c r="C25" s="16" t="s">
        <v>180</v>
      </c>
      <c r="D25" s="9" t="s">
        <v>181</v>
      </c>
      <c r="E25" s="9" t="s">
        <v>1250</v>
      </c>
      <c r="F25" s="9" t="s">
        <v>1251</v>
      </c>
      <c r="G25" s="9" t="s">
        <v>1252</v>
      </c>
      <c r="H25" s="9" t="s">
        <v>1253</v>
      </c>
      <c r="I25" s="9" t="s">
        <v>1254</v>
      </c>
      <c r="J25" s="9">
        <v>0</v>
      </c>
      <c r="K25" s="9">
        <v>0</v>
      </c>
      <c r="L25" s="9">
        <v>0</v>
      </c>
      <c r="M25" s="9" t="s">
        <v>196</v>
      </c>
      <c r="N25" s="9" t="s">
        <v>1255</v>
      </c>
      <c r="O25" s="9" t="s">
        <v>196</v>
      </c>
      <c r="P25" s="9" t="s">
        <v>1256</v>
      </c>
      <c r="Q25" s="9" t="s">
        <v>106</v>
      </c>
      <c r="R25" s="9" t="s">
        <v>64</v>
      </c>
      <c r="S25" s="9">
        <v>0</v>
      </c>
      <c r="T25" s="9" t="s">
        <v>66</v>
      </c>
      <c r="U25" s="9" t="s">
        <v>66</v>
      </c>
      <c r="V25" s="9" t="s">
        <v>66</v>
      </c>
      <c r="W25" s="9" t="s">
        <v>66</v>
      </c>
      <c r="X25" s="9" t="s">
        <v>67</v>
      </c>
      <c r="Y25" s="9" t="s">
        <v>66</v>
      </c>
      <c r="Z25" s="9" t="s">
        <v>66</v>
      </c>
      <c r="AA25" s="9" t="s">
        <v>67</v>
      </c>
      <c r="AB25" s="9" t="s">
        <v>67</v>
      </c>
      <c r="AC25" s="9" t="s">
        <v>67</v>
      </c>
      <c r="AD25" s="9" t="s">
        <v>67</v>
      </c>
      <c r="AE25" s="9" t="s">
        <v>67</v>
      </c>
      <c r="AF25" s="9" t="s">
        <v>67</v>
      </c>
      <c r="AG25" s="9" t="s">
        <v>67</v>
      </c>
      <c r="AH25" s="9" t="s">
        <v>67</v>
      </c>
      <c r="AI25" s="9" t="s">
        <v>67</v>
      </c>
      <c r="AJ25" s="9" t="s">
        <v>66</v>
      </c>
      <c r="AK25" s="9" t="s">
        <v>67</v>
      </c>
      <c r="AL25" s="9" t="s">
        <v>67</v>
      </c>
      <c r="AM25" s="9" t="s">
        <v>67</v>
      </c>
      <c r="AN25" s="9" t="s">
        <v>67</v>
      </c>
      <c r="AO25" s="9" t="s">
        <v>67</v>
      </c>
      <c r="AP25" s="9" t="s">
        <v>67</v>
      </c>
      <c r="AQ25" s="9" t="s">
        <v>67</v>
      </c>
      <c r="AR25" s="9" t="s">
        <v>1257</v>
      </c>
      <c r="AS25" s="9" t="s">
        <v>64</v>
      </c>
      <c r="AT25" s="9">
        <v>0</v>
      </c>
      <c r="AU25" s="9" t="s">
        <v>108</v>
      </c>
      <c r="AV25" s="9" t="s">
        <v>134</v>
      </c>
      <c r="AW25" s="9" t="s">
        <v>1258</v>
      </c>
      <c r="AX25" s="9" t="s">
        <v>1259</v>
      </c>
      <c r="AY25" s="9" t="s">
        <v>980</v>
      </c>
      <c r="AZ25" s="9" t="s">
        <v>1260</v>
      </c>
    </row>
    <row r="26" spans="1:53" s="2" customFormat="1" ht="27" customHeight="1">
      <c r="A26" s="11">
        <v>2025</v>
      </c>
      <c r="B26" s="9">
        <v>644</v>
      </c>
      <c r="C26" s="16" t="s">
        <v>180</v>
      </c>
      <c r="D26" s="9" t="s">
        <v>181</v>
      </c>
      <c r="E26" s="9" t="s">
        <v>1261</v>
      </c>
      <c r="F26" s="9" t="s">
        <v>1262</v>
      </c>
      <c r="G26" s="9" t="s">
        <v>1263</v>
      </c>
      <c r="H26" s="9" t="s">
        <v>1264</v>
      </c>
      <c r="I26" s="9" t="s">
        <v>1265</v>
      </c>
      <c r="J26" s="9">
        <v>500</v>
      </c>
      <c r="K26" s="9">
        <v>5.5</v>
      </c>
      <c r="L26" s="9">
        <v>650</v>
      </c>
      <c r="M26" s="9" t="s">
        <v>102</v>
      </c>
      <c r="N26" s="9" t="s">
        <v>67</v>
      </c>
      <c r="O26" s="9" t="s">
        <v>1266</v>
      </c>
      <c r="P26" s="9">
        <v>2.5</v>
      </c>
      <c r="Q26" s="9" t="s">
        <v>89</v>
      </c>
      <c r="R26" s="9" t="s">
        <v>64</v>
      </c>
      <c r="S26" s="9" t="s">
        <v>1267</v>
      </c>
      <c r="T26" s="9" t="s">
        <v>66</v>
      </c>
      <c r="U26" s="9" t="s">
        <v>66</v>
      </c>
      <c r="V26" s="9" t="s">
        <v>67</v>
      </c>
      <c r="W26" s="9" t="s">
        <v>67</v>
      </c>
      <c r="X26" s="9" t="s">
        <v>66</v>
      </c>
      <c r="Y26" s="9" t="s">
        <v>67</v>
      </c>
      <c r="Z26" s="9" t="s">
        <v>67</v>
      </c>
      <c r="AA26" s="9" t="s">
        <v>66</v>
      </c>
      <c r="AB26" s="9" t="s">
        <v>66</v>
      </c>
      <c r="AC26" s="9" t="s">
        <v>67</v>
      </c>
      <c r="AD26" s="9" t="s">
        <v>67</v>
      </c>
      <c r="AE26" s="9" t="s">
        <v>66</v>
      </c>
      <c r="AF26" s="9" t="s">
        <v>67</v>
      </c>
      <c r="AG26" s="9" t="s">
        <v>67</v>
      </c>
      <c r="AH26" s="9" t="s">
        <v>67</v>
      </c>
      <c r="AI26" s="9" t="s">
        <v>67</v>
      </c>
      <c r="AJ26" s="9" t="s">
        <v>67</v>
      </c>
      <c r="AK26" s="9" t="s">
        <v>67</v>
      </c>
      <c r="AL26" s="9" t="s">
        <v>67</v>
      </c>
      <c r="AM26" s="9" t="s">
        <v>67</v>
      </c>
      <c r="AN26" s="9" t="s">
        <v>67</v>
      </c>
      <c r="AO26" s="9" t="s">
        <v>67</v>
      </c>
      <c r="AP26" s="9" t="s">
        <v>67</v>
      </c>
      <c r="AQ26" s="9" t="s">
        <v>67</v>
      </c>
      <c r="AR26" s="9" t="s">
        <v>1268</v>
      </c>
      <c r="AS26" s="9" t="s">
        <v>64</v>
      </c>
      <c r="AT26" s="9" t="s">
        <v>1269</v>
      </c>
      <c r="AU26" s="9" t="s">
        <v>151</v>
      </c>
      <c r="AV26" s="9" t="s">
        <v>1270</v>
      </c>
      <c r="AW26" s="9" t="s">
        <v>655</v>
      </c>
      <c r="AX26" s="9" t="s">
        <v>1271</v>
      </c>
      <c r="AY26" s="9" t="s">
        <v>387</v>
      </c>
      <c r="AZ26" s="9" t="s">
        <v>1271</v>
      </c>
    </row>
    <row r="27" spans="1:53" s="2" customFormat="1" ht="27" customHeight="1">
      <c r="A27" s="11">
        <v>2025</v>
      </c>
      <c r="B27" s="9">
        <v>211</v>
      </c>
      <c r="C27" s="16" t="s">
        <v>180</v>
      </c>
      <c r="D27" s="9" t="s">
        <v>584</v>
      </c>
      <c r="E27" s="9" t="s">
        <v>585</v>
      </c>
      <c r="F27" s="9" t="s">
        <v>586</v>
      </c>
      <c r="G27" s="9" t="s">
        <v>587</v>
      </c>
      <c r="H27" s="9" t="s">
        <v>322</v>
      </c>
      <c r="I27" s="9" t="s">
        <v>588</v>
      </c>
      <c r="J27" s="9">
        <v>61</v>
      </c>
      <c r="K27" s="9">
        <v>6</v>
      </c>
      <c r="L27" s="9">
        <v>600</v>
      </c>
      <c r="M27" s="9" t="s">
        <v>102</v>
      </c>
      <c r="N27" s="9" t="s">
        <v>589</v>
      </c>
      <c r="O27" s="9" t="s">
        <v>62</v>
      </c>
      <c r="P27" s="9" t="s">
        <v>590</v>
      </c>
      <c r="Q27" s="9" t="s">
        <v>89</v>
      </c>
      <c r="R27" s="9" t="s">
        <v>64</v>
      </c>
      <c r="S27" s="9">
        <v>0</v>
      </c>
      <c r="T27" s="9" t="s">
        <v>66</v>
      </c>
      <c r="U27" s="9" t="s">
        <v>67</v>
      </c>
      <c r="V27" s="9" t="s">
        <v>67</v>
      </c>
      <c r="W27" s="9" t="s">
        <v>67</v>
      </c>
      <c r="X27" s="9" t="s">
        <v>67</v>
      </c>
      <c r="Y27" s="9" t="s">
        <v>67</v>
      </c>
      <c r="Z27" s="9" t="s">
        <v>67</v>
      </c>
      <c r="AA27" s="9" t="s">
        <v>67</v>
      </c>
      <c r="AB27" s="9" t="s">
        <v>67</v>
      </c>
      <c r="AC27" s="9" t="s">
        <v>66</v>
      </c>
      <c r="AD27" s="9" t="s">
        <v>67</v>
      </c>
      <c r="AE27" s="9" t="s">
        <v>67</v>
      </c>
      <c r="AF27" s="9" t="s">
        <v>67</v>
      </c>
      <c r="AG27" s="9" t="s">
        <v>67</v>
      </c>
      <c r="AH27" s="9" t="s">
        <v>67</v>
      </c>
      <c r="AI27" s="9" t="s">
        <v>67</v>
      </c>
      <c r="AJ27" s="9" t="s">
        <v>67</v>
      </c>
      <c r="AK27" s="9" t="s">
        <v>67</v>
      </c>
      <c r="AL27" s="9" t="s">
        <v>67</v>
      </c>
      <c r="AM27" s="9" t="s">
        <v>67</v>
      </c>
      <c r="AN27" s="9" t="s">
        <v>67</v>
      </c>
      <c r="AO27" s="9" t="s">
        <v>67</v>
      </c>
      <c r="AP27" s="9" t="s">
        <v>67</v>
      </c>
      <c r="AQ27" s="9" t="s">
        <v>67</v>
      </c>
      <c r="AR27" s="9" t="s">
        <v>591</v>
      </c>
      <c r="AS27" s="9" t="s">
        <v>64</v>
      </c>
      <c r="AT27" s="9">
        <v>0</v>
      </c>
      <c r="AU27" s="9" t="s">
        <v>162</v>
      </c>
      <c r="AV27" s="9" t="s">
        <v>592</v>
      </c>
      <c r="AW27" s="9" t="s">
        <v>593</v>
      </c>
      <c r="AX27" s="9" t="s">
        <v>593</v>
      </c>
      <c r="AY27" s="9" t="s">
        <v>594</v>
      </c>
      <c r="AZ27" s="9" t="s">
        <v>594</v>
      </c>
    </row>
    <row r="28" spans="1:53" s="2" customFormat="1" ht="27" customHeight="1">
      <c r="A28" s="11">
        <v>2025</v>
      </c>
      <c r="B28" s="9">
        <v>451</v>
      </c>
      <c r="C28" s="16" t="s">
        <v>180</v>
      </c>
      <c r="D28" s="9" t="s">
        <v>584</v>
      </c>
      <c r="E28" s="9" t="s">
        <v>585</v>
      </c>
      <c r="F28" s="9" t="s">
        <v>639</v>
      </c>
      <c r="G28" s="9" t="s">
        <v>640</v>
      </c>
      <c r="H28" s="9" t="s">
        <v>641</v>
      </c>
      <c r="I28" s="9" t="s">
        <v>641</v>
      </c>
      <c r="J28" s="9">
        <v>0</v>
      </c>
      <c r="K28" s="9" t="s">
        <v>642</v>
      </c>
      <c r="L28" s="9">
        <v>0</v>
      </c>
      <c r="M28" s="9" t="s">
        <v>86</v>
      </c>
      <c r="N28" s="9" t="s">
        <v>643</v>
      </c>
      <c r="O28" s="9" t="s">
        <v>62</v>
      </c>
      <c r="P28" s="9" t="s">
        <v>644</v>
      </c>
      <c r="Q28" s="9" t="s">
        <v>121</v>
      </c>
      <c r="R28" s="9" t="s">
        <v>64</v>
      </c>
      <c r="S28" s="9">
        <v>0</v>
      </c>
      <c r="T28" s="9" t="s">
        <v>66</v>
      </c>
      <c r="U28" s="9" t="s">
        <v>66</v>
      </c>
      <c r="V28" s="9" t="s">
        <v>67</v>
      </c>
      <c r="W28" s="9" t="s">
        <v>67</v>
      </c>
      <c r="X28" s="9" t="s">
        <v>67</v>
      </c>
      <c r="Y28" s="9" t="s">
        <v>67</v>
      </c>
      <c r="Z28" s="9" t="s">
        <v>67</v>
      </c>
      <c r="AA28" s="9" t="s">
        <v>67</v>
      </c>
      <c r="AB28" s="9" t="s">
        <v>67</v>
      </c>
      <c r="AC28" s="9" t="s">
        <v>67</v>
      </c>
      <c r="AD28" s="9" t="s">
        <v>66</v>
      </c>
      <c r="AE28" s="9" t="s">
        <v>66</v>
      </c>
      <c r="AF28" s="9" t="s">
        <v>67</v>
      </c>
      <c r="AG28" s="9" t="s">
        <v>67</v>
      </c>
      <c r="AH28" s="9" t="s">
        <v>67</v>
      </c>
      <c r="AI28" s="9" t="s">
        <v>67</v>
      </c>
      <c r="AJ28" s="9" t="s">
        <v>67</v>
      </c>
      <c r="AK28" s="9" t="s">
        <v>67</v>
      </c>
      <c r="AL28" s="9" t="s">
        <v>67</v>
      </c>
      <c r="AM28" s="9" t="s">
        <v>67</v>
      </c>
      <c r="AN28" s="9" t="s">
        <v>67</v>
      </c>
      <c r="AO28" s="9" t="s">
        <v>67</v>
      </c>
      <c r="AP28" s="9" t="s">
        <v>67</v>
      </c>
      <c r="AQ28" s="9" t="s">
        <v>67</v>
      </c>
      <c r="AR28" s="9" t="s">
        <v>641</v>
      </c>
      <c r="AS28" s="9" t="s">
        <v>64</v>
      </c>
      <c r="AT28" s="9">
        <v>0</v>
      </c>
      <c r="AU28" s="9" t="s">
        <v>162</v>
      </c>
      <c r="AV28" s="9" t="s">
        <v>62</v>
      </c>
      <c r="AW28" s="9" t="s">
        <v>645</v>
      </c>
      <c r="AX28" s="9" t="s">
        <v>646</v>
      </c>
      <c r="AY28" s="9" t="s">
        <v>647</v>
      </c>
      <c r="AZ28" s="9" t="s">
        <v>387</v>
      </c>
    </row>
    <row r="29" spans="1:53" s="2" customFormat="1" ht="27" customHeight="1">
      <c r="A29" s="11">
        <v>2025</v>
      </c>
      <c r="B29" s="9">
        <v>686</v>
      </c>
      <c r="C29" s="16" t="s">
        <v>180</v>
      </c>
      <c r="D29" s="9" t="s">
        <v>584</v>
      </c>
      <c r="E29" s="9" t="s">
        <v>585</v>
      </c>
      <c r="F29" s="9" t="s">
        <v>648</v>
      </c>
      <c r="G29" s="9" t="s">
        <v>649</v>
      </c>
      <c r="H29" s="9" t="s">
        <v>650</v>
      </c>
      <c r="I29" s="9" t="s">
        <v>651</v>
      </c>
      <c r="J29" s="9">
        <v>0</v>
      </c>
      <c r="K29" s="9">
        <v>0</v>
      </c>
      <c r="L29" s="9">
        <v>0</v>
      </c>
      <c r="M29" s="9" t="s">
        <v>86</v>
      </c>
      <c r="N29" s="9" t="s">
        <v>652</v>
      </c>
      <c r="O29" s="9" t="s">
        <v>653</v>
      </c>
      <c r="P29" s="9" t="s">
        <v>323</v>
      </c>
      <c r="Q29" s="9" t="s">
        <v>106</v>
      </c>
      <c r="R29" s="9" t="s">
        <v>64</v>
      </c>
      <c r="S29" s="9">
        <v>0</v>
      </c>
      <c r="T29" s="9" t="s">
        <v>66</v>
      </c>
      <c r="U29" s="9" t="s">
        <v>66</v>
      </c>
      <c r="V29" s="9" t="s">
        <v>67</v>
      </c>
      <c r="W29" s="9" t="s">
        <v>67</v>
      </c>
      <c r="X29" s="9" t="s">
        <v>67</v>
      </c>
      <c r="Y29" s="9" t="s">
        <v>67</v>
      </c>
      <c r="Z29" s="9" t="s">
        <v>66</v>
      </c>
      <c r="AA29" s="9" t="s">
        <v>67</v>
      </c>
      <c r="AB29" s="9" t="s">
        <v>67</v>
      </c>
      <c r="AC29" s="9" t="s">
        <v>67</v>
      </c>
      <c r="AD29" s="9" t="s">
        <v>67</v>
      </c>
      <c r="AE29" s="9" t="s">
        <v>67</v>
      </c>
      <c r="AF29" s="9" t="s">
        <v>67</v>
      </c>
      <c r="AG29" s="9" t="s">
        <v>67</v>
      </c>
      <c r="AH29" s="9" t="s">
        <v>67</v>
      </c>
      <c r="AI29" s="9" t="s">
        <v>67</v>
      </c>
      <c r="AJ29" s="9" t="s">
        <v>67</v>
      </c>
      <c r="AK29" s="9" t="s">
        <v>67</v>
      </c>
      <c r="AL29" s="9" t="s">
        <v>67</v>
      </c>
      <c r="AM29" s="9" t="s">
        <v>67</v>
      </c>
      <c r="AN29" s="9" t="s">
        <v>67</v>
      </c>
      <c r="AO29" s="9" t="s">
        <v>67</v>
      </c>
      <c r="AP29" s="9" t="s">
        <v>67</v>
      </c>
      <c r="AQ29" s="9" t="s">
        <v>67</v>
      </c>
      <c r="AR29" s="9" t="s">
        <v>650</v>
      </c>
      <c r="AS29" s="9" t="s">
        <v>64</v>
      </c>
      <c r="AT29" s="9">
        <v>0</v>
      </c>
      <c r="AU29" s="9" t="s">
        <v>108</v>
      </c>
      <c r="AV29" s="9" t="s">
        <v>654</v>
      </c>
      <c r="AW29" s="9" t="s">
        <v>655</v>
      </c>
      <c r="AX29" s="9" t="s">
        <v>656</v>
      </c>
      <c r="AY29" s="9" t="s">
        <v>657</v>
      </c>
      <c r="AZ29" s="9" t="s">
        <v>658</v>
      </c>
    </row>
    <row r="30" spans="1:53" s="2" customFormat="1" ht="27" customHeight="1">
      <c r="A30" s="11">
        <v>2025</v>
      </c>
      <c r="B30" s="9">
        <v>120</v>
      </c>
      <c r="C30" s="16" t="s">
        <v>180</v>
      </c>
      <c r="D30" s="9" t="s">
        <v>584</v>
      </c>
      <c r="E30" s="9" t="s">
        <v>585</v>
      </c>
      <c r="F30" s="9" t="s">
        <v>659</v>
      </c>
      <c r="G30" s="9" t="s">
        <v>660</v>
      </c>
      <c r="H30" s="9" t="s">
        <v>661</v>
      </c>
      <c r="I30" s="9" t="s">
        <v>662</v>
      </c>
      <c r="J30" s="9">
        <v>0</v>
      </c>
      <c r="K30" s="9">
        <v>0</v>
      </c>
      <c r="L30" s="9">
        <v>0</v>
      </c>
      <c r="M30" s="9"/>
      <c r="N30" s="9" t="s">
        <v>663</v>
      </c>
      <c r="O30" s="9" t="s">
        <v>62</v>
      </c>
      <c r="P30" s="9">
        <v>2</v>
      </c>
      <c r="Q30" s="9" t="s">
        <v>106</v>
      </c>
      <c r="R30" s="9" t="s">
        <v>64</v>
      </c>
      <c r="S30" s="9" t="s">
        <v>664</v>
      </c>
      <c r="T30" s="9" t="s">
        <v>66</v>
      </c>
      <c r="U30" s="9" t="s">
        <v>66</v>
      </c>
      <c r="V30" s="9" t="s">
        <v>67</v>
      </c>
      <c r="W30" s="9" t="s">
        <v>67</v>
      </c>
      <c r="X30" s="9" t="s">
        <v>66</v>
      </c>
      <c r="Y30" s="9" t="s">
        <v>66</v>
      </c>
      <c r="Z30" s="9" t="s">
        <v>66</v>
      </c>
      <c r="AA30" s="9" t="s">
        <v>66</v>
      </c>
      <c r="AB30" s="9" t="s">
        <v>66</v>
      </c>
      <c r="AC30" s="9" t="s">
        <v>66</v>
      </c>
      <c r="AD30" s="9" t="s">
        <v>67</v>
      </c>
      <c r="AE30" s="9" t="s">
        <v>67</v>
      </c>
      <c r="AF30" s="9" t="s">
        <v>67</v>
      </c>
      <c r="AG30" s="9" t="s">
        <v>67</v>
      </c>
      <c r="AH30" s="9" t="s">
        <v>67</v>
      </c>
      <c r="AI30" s="9" t="s">
        <v>67</v>
      </c>
      <c r="AJ30" s="9" t="s">
        <v>67</v>
      </c>
      <c r="AK30" s="9" t="s">
        <v>67</v>
      </c>
      <c r="AL30" s="9" t="s">
        <v>67</v>
      </c>
      <c r="AM30" s="9" t="s">
        <v>67</v>
      </c>
      <c r="AN30" s="9" t="s">
        <v>67</v>
      </c>
      <c r="AO30" s="9" t="s">
        <v>67</v>
      </c>
      <c r="AP30" s="9" t="s">
        <v>67</v>
      </c>
      <c r="AQ30" s="9" t="s">
        <v>67</v>
      </c>
      <c r="AR30" s="9" t="s">
        <v>661</v>
      </c>
      <c r="AS30" s="9" t="s">
        <v>64</v>
      </c>
      <c r="AT30" s="9" t="s">
        <v>665</v>
      </c>
      <c r="AU30" s="9" t="s">
        <v>151</v>
      </c>
      <c r="AV30" s="9" t="s">
        <v>666</v>
      </c>
      <c r="AW30" s="9" t="s">
        <v>667</v>
      </c>
      <c r="AX30" s="9" t="s">
        <v>668</v>
      </c>
      <c r="AY30" s="9" t="s">
        <v>387</v>
      </c>
      <c r="AZ30" s="9" t="s">
        <v>669</v>
      </c>
    </row>
    <row r="31" spans="1:53" s="2" customFormat="1" ht="27" customHeight="1">
      <c r="A31" s="11">
        <v>2025</v>
      </c>
      <c r="B31" s="9">
        <v>121</v>
      </c>
      <c r="C31" s="16" t="s">
        <v>180</v>
      </c>
      <c r="D31" s="9" t="s">
        <v>584</v>
      </c>
      <c r="E31" s="9" t="s">
        <v>694</v>
      </c>
      <c r="F31" s="9" t="s">
        <v>695</v>
      </c>
      <c r="G31" s="9" t="s">
        <v>696</v>
      </c>
      <c r="H31" s="9" t="s">
        <v>697</v>
      </c>
      <c r="I31" s="9" t="s">
        <v>698</v>
      </c>
      <c r="J31" s="9">
        <v>79</v>
      </c>
      <c r="K31" s="9">
        <v>6</v>
      </c>
      <c r="L31" s="9">
        <v>0</v>
      </c>
      <c r="M31" s="9"/>
      <c r="N31" s="9" t="s">
        <v>699</v>
      </c>
      <c r="O31" s="9" t="s">
        <v>348</v>
      </c>
      <c r="P31" s="9" t="s">
        <v>700</v>
      </c>
      <c r="Q31" s="9" t="s">
        <v>539</v>
      </c>
      <c r="R31" s="9" t="s">
        <v>64</v>
      </c>
      <c r="S31" s="9">
        <v>0</v>
      </c>
      <c r="T31" s="9" t="s">
        <v>65</v>
      </c>
      <c r="U31" s="9" t="s">
        <v>65</v>
      </c>
      <c r="V31" s="9" t="s">
        <v>65</v>
      </c>
      <c r="W31" s="9" t="s">
        <v>67</v>
      </c>
      <c r="X31" s="9" t="s">
        <v>65</v>
      </c>
      <c r="Y31" s="9" t="s">
        <v>65</v>
      </c>
      <c r="Z31" s="9" t="s">
        <v>65</v>
      </c>
      <c r="AA31" s="9" t="s">
        <v>65</v>
      </c>
      <c r="AB31" s="9" t="s">
        <v>65</v>
      </c>
      <c r="AC31" s="9" t="s">
        <v>65</v>
      </c>
      <c r="AD31" s="9" t="s">
        <v>65</v>
      </c>
      <c r="AE31" s="9" t="s">
        <v>65</v>
      </c>
      <c r="AF31" s="9" t="s">
        <v>65</v>
      </c>
      <c r="AG31" s="9" t="s">
        <v>65</v>
      </c>
      <c r="AH31" s="9" t="s">
        <v>67</v>
      </c>
      <c r="AI31" s="9" t="s">
        <v>67</v>
      </c>
      <c r="AJ31" s="9" t="s">
        <v>67</v>
      </c>
      <c r="AK31" s="9" t="s">
        <v>67</v>
      </c>
      <c r="AL31" s="9" t="s">
        <v>67</v>
      </c>
      <c r="AM31" s="9" t="s">
        <v>65</v>
      </c>
      <c r="AN31" s="9" t="s">
        <v>67</v>
      </c>
      <c r="AO31" s="9" t="s">
        <v>65</v>
      </c>
      <c r="AP31" s="9" t="s">
        <v>67</v>
      </c>
      <c r="AQ31" s="9" t="s">
        <v>67</v>
      </c>
      <c r="AR31" s="9" t="s">
        <v>701</v>
      </c>
      <c r="AS31" s="9" t="s">
        <v>64</v>
      </c>
      <c r="AT31" s="9">
        <v>0</v>
      </c>
      <c r="AU31" s="9" t="s">
        <v>151</v>
      </c>
      <c r="AV31" s="9" t="s">
        <v>702</v>
      </c>
      <c r="AW31" s="9" t="s">
        <v>703</v>
      </c>
      <c r="AX31" s="9" t="s">
        <v>704</v>
      </c>
      <c r="AY31" s="9" t="s">
        <v>112</v>
      </c>
      <c r="AZ31" s="9" t="s">
        <v>704</v>
      </c>
    </row>
    <row r="32" spans="1:53" s="2" customFormat="1" ht="27" customHeight="1">
      <c r="A32" s="18">
        <v>2024</v>
      </c>
      <c r="B32" s="13">
        <v>269</v>
      </c>
      <c r="C32" s="16" t="s">
        <v>180</v>
      </c>
      <c r="D32" s="13" t="s">
        <v>584</v>
      </c>
      <c r="E32" s="13" t="s">
        <v>1495</v>
      </c>
      <c r="F32" s="13" t="s">
        <v>1496</v>
      </c>
      <c r="G32" s="13" t="s">
        <v>1497</v>
      </c>
      <c r="H32" s="19" t="s">
        <v>1272</v>
      </c>
      <c r="I32" s="13" t="s">
        <v>1498</v>
      </c>
      <c r="J32" s="13">
        <v>65</v>
      </c>
      <c r="K32" s="13">
        <v>5.5</v>
      </c>
      <c r="L32" s="13">
        <v>500</v>
      </c>
      <c r="M32" s="13" t="s">
        <v>102</v>
      </c>
      <c r="N32" s="13" t="s">
        <v>1499</v>
      </c>
      <c r="O32" s="13"/>
      <c r="P32" s="13" t="s">
        <v>134</v>
      </c>
      <c r="Q32" s="13" t="s">
        <v>89</v>
      </c>
      <c r="R32" s="13"/>
      <c r="S32" s="13"/>
      <c r="T32" s="13" t="s">
        <v>66</v>
      </c>
      <c r="U32" s="13" t="s">
        <v>66</v>
      </c>
      <c r="V32" s="13" t="s">
        <v>67</v>
      </c>
      <c r="W32" s="13" t="s">
        <v>67</v>
      </c>
      <c r="X32" s="13" t="s">
        <v>67</v>
      </c>
      <c r="Y32" s="13" t="s">
        <v>67</v>
      </c>
      <c r="Z32" s="13" t="s">
        <v>67</v>
      </c>
      <c r="AA32" s="13" t="s">
        <v>67</v>
      </c>
      <c r="AB32" s="13" t="s">
        <v>67</v>
      </c>
      <c r="AC32" s="13" t="s">
        <v>66</v>
      </c>
      <c r="AD32" s="13" t="s">
        <v>67</v>
      </c>
      <c r="AE32" s="13" t="s">
        <v>67</v>
      </c>
      <c r="AF32" s="13" t="s">
        <v>67</v>
      </c>
      <c r="AG32" s="13" t="s">
        <v>67</v>
      </c>
      <c r="AH32" s="13" t="s">
        <v>67</v>
      </c>
      <c r="AI32" s="13" t="s">
        <v>67</v>
      </c>
      <c r="AJ32" s="13" t="s">
        <v>67</v>
      </c>
      <c r="AK32" s="13" t="s">
        <v>67</v>
      </c>
      <c r="AL32" s="13" t="s">
        <v>67</v>
      </c>
      <c r="AM32" s="13" t="s">
        <v>67</v>
      </c>
      <c r="AN32" s="13" t="s">
        <v>67</v>
      </c>
      <c r="AO32" s="13" t="s">
        <v>67</v>
      </c>
      <c r="AP32" s="13" t="s">
        <v>67</v>
      </c>
      <c r="AQ32" s="13" t="s">
        <v>67</v>
      </c>
      <c r="AR32" s="19" t="s">
        <v>1272</v>
      </c>
      <c r="AS32" s="13" t="s">
        <v>64</v>
      </c>
      <c r="AT32" s="13"/>
      <c r="AU32" s="13" t="s">
        <v>437</v>
      </c>
      <c r="AV32" s="13" t="s">
        <v>222</v>
      </c>
      <c r="AW32" s="13" t="s">
        <v>1500</v>
      </c>
      <c r="AX32" s="13" t="s">
        <v>655</v>
      </c>
      <c r="AY32" s="13" t="s">
        <v>1501</v>
      </c>
      <c r="AZ32" s="13" t="s">
        <v>1502</v>
      </c>
      <c r="BA32" s="15"/>
    </row>
    <row r="33" spans="1:174" s="2" customFormat="1" ht="27" customHeight="1">
      <c r="A33" s="11">
        <v>2025</v>
      </c>
      <c r="B33" s="9">
        <v>687</v>
      </c>
      <c r="C33" s="16" t="s">
        <v>180</v>
      </c>
      <c r="D33" s="9" t="s">
        <v>584</v>
      </c>
      <c r="E33" s="9" t="s">
        <v>1503</v>
      </c>
      <c r="F33" s="9" t="s">
        <v>1504</v>
      </c>
      <c r="G33" s="9" t="s">
        <v>1505</v>
      </c>
      <c r="H33" s="9" t="s">
        <v>1506</v>
      </c>
      <c r="I33" s="9" t="s">
        <v>295</v>
      </c>
      <c r="J33" s="9">
        <v>0</v>
      </c>
      <c r="K33" s="9">
        <v>0</v>
      </c>
      <c r="L33" s="9">
        <v>0</v>
      </c>
      <c r="M33" s="9"/>
      <c r="N33" s="9" t="s">
        <v>883</v>
      </c>
      <c r="O33" s="9" t="s">
        <v>1507</v>
      </c>
      <c r="P33" s="9" t="s">
        <v>1508</v>
      </c>
      <c r="Q33" s="9" t="s">
        <v>89</v>
      </c>
      <c r="R33" s="9" t="s">
        <v>64</v>
      </c>
      <c r="S33" s="9">
        <v>0</v>
      </c>
      <c r="T33" s="9" t="s">
        <v>66</v>
      </c>
      <c r="U33" s="9" t="s">
        <v>67</v>
      </c>
      <c r="V33" s="9" t="s">
        <v>67</v>
      </c>
      <c r="W33" s="9" t="s">
        <v>67</v>
      </c>
      <c r="X33" s="9" t="s">
        <v>66</v>
      </c>
      <c r="Y33" s="9" t="s">
        <v>67</v>
      </c>
      <c r="Z33" s="9" t="s">
        <v>67</v>
      </c>
      <c r="AA33" s="9" t="s">
        <v>67</v>
      </c>
      <c r="AB33" s="9" t="s">
        <v>66</v>
      </c>
      <c r="AC33" s="9" t="s">
        <v>66</v>
      </c>
      <c r="AD33" s="9" t="s">
        <v>67</v>
      </c>
      <c r="AE33" s="9" t="s">
        <v>67</v>
      </c>
      <c r="AF33" s="9" t="s">
        <v>67</v>
      </c>
      <c r="AG33" s="9" t="s">
        <v>66</v>
      </c>
      <c r="AH33" s="9" t="s">
        <v>67</v>
      </c>
      <c r="AI33" s="9" t="s">
        <v>67</v>
      </c>
      <c r="AJ33" s="9" t="s">
        <v>67</v>
      </c>
      <c r="AK33" s="9" t="s">
        <v>67</v>
      </c>
      <c r="AL33" s="9" t="s">
        <v>67</v>
      </c>
      <c r="AM33" s="9" t="s">
        <v>67</v>
      </c>
      <c r="AN33" s="9" t="s">
        <v>67</v>
      </c>
      <c r="AO33" s="9" t="s">
        <v>67</v>
      </c>
      <c r="AP33" s="9" t="s">
        <v>67</v>
      </c>
      <c r="AQ33" s="9" t="s">
        <v>67</v>
      </c>
      <c r="AR33" s="9" t="s">
        <v>1506</v>
      </c>
      <c r="AS33" s="9" t="s">
        <v>64</v>
      </c>
      <c r="AT33" s="9" t="s">
        <v>1509</v>
      </c>
      <c r="AU33" s="9" t="s">
        <v>108</v>
      </c>
      <c r="AV33" s="9" t="s">
        <v>1510</v>
      </c>
      <c r="AW33" s="9" t="s">
        <v>1511</v>
      </c>
      <c r="AX33" s="9" t="s">
        <v>655</v>
      </c>
      <c r="AY33" s="9" t="s">
        <v>1512</v>
      </c>
      <c r="AZ33" s="9" t="s">
        <v>387</v>
      </c>
    </row>
    <row r="34" spans="1:174" s="2" customFormat="1" ht="27" customHeight="1">
      <c r="A34" s="11">
        <v>2025</v>
      </c>
      <c r="B34" s="9">
        <v>592</v>
      </c>
      <c r="C34" s="16" t="s">
        <v>180</v>
      </c>
      <c r="D34" s="9" t="s">
        <v>584</v>
      </c>
      <c r="E34" s="9" t="s">
        <v>585</v>
      </c>
      <c r="F34" s="9" t="s">
        <v>1956</v>
      </c>
      <c r="G34" s="9" t="s">
        <v>1617</v>
      </c>
      <c r="H34" s="9" t="s">
        <v>1947</v>
      </c>
      <c r="I34" s="9" t="s">
        <v>1954</v>
      </c>
      <c r="J34" s="9">
        <v>510</v>
      </c>
      <c r="K34" s="9">
        <v>5</v>
      </c>
      <c r="L34" s="9">
        <v>700</v>
      </c>
      <c r="M34" s="9">
        <v>0</v>
      </c>
      <c r="N34" s="9" t="s">
        <v>1948</v>
      </c>
      <c r="O34" s="9" t="s">
        <v>62</v>
      </c>
      <c r="P34" s="9" t="s">
        <v>62</v>
      </c>
      <c r="Q34" s="9" t="s">
        <v>539</v>
      </c>
      <c r="R34" s="9" t="s">
        <v>64</v>
      </c>
      <c r="S34" s="9">
        <v>0</v>
      </c>
      <c r="T34" s="9" t="s">
        <v>65</v>
      </c>
      <c r="U34" s="9" t="s">
        <v>65</v>
      </c>
      <c r="V34" s="9" t="s">
        <v>65</v>
      </c>
      <c r="W34" s="9" t="s">
        <v>67</v>
      </c>
      <c r="X34" s="9" t="s">
        <v>65</v>
      </c>
      <c r="Y34" s="9" t="s">
        <v>67</v>
      </c>
      <c r="Z34" s="9" t="s">
        <v>67</v>
      </c>
      <c r="AA34" s="9" t="s">
        <v>67</v>
      </c>
      <c r="AB34" s="9" t="s">
        <v>67</v>
      </c>
      <c r="AC34" s="9" t="s">
        <v>65</v>
      </c>
      <c r="AD34" s="9" t="s">
        <v>67</v>
      </c>
      <c r="AE34" s="9" t="s">
        <v>65</v>
      </c>
      <c r="AF34" s="9" t="s">
        <v>67</v>
      </c>
      <c r="AG34" s="9" t="s">
        <v>67</v>
      </c>
      <c r="AH34" s="9" t="s">
        <v>67</v>
      </c>
      <c r="AI34" s="9" t="s">
        <v>67</v>
      </c>
      <c r="AJ34" s="9" t="s">
        <v>67</v>
      </c>
      <c r="AK34" s="9" t="s">
        <v>67</v>
      </c>
      <c r="AL34" s="9" t="s">
        <v>67</v>
      </c>
      <c r="AM34" s="9" t="s">
        <v>67</v>
      </c>
      <c r="AN34" s="9" t="s">
        <v>67</v>
      </c>
      <c r="AO34" s="9" t="s">
        <v>65</v>
      </c>
      <c r="AP34" s="9" t="s">
        <v>67</v>
      </c>
      <c r="AQ34" s="9" t="s">
        <v>67</v>
      </c>
      <c r="AR34" s="9" t="s">
        <v>1947</v>
      </c>
      <c r="AS34" s="9" t="s">
        <v>64</v>
      </c>
      <c r="AT34" s="9">
        <v>0</v>
      </c>
      <c r="AU34" s="9" t="s">
        <v>162</v>
      </c>
      <c r="AV34" s="9" t="s">
        <v>222</v>
      </c>
      <c r="AW34" s="9" t="s">
        <v>1949</v>
      </c>
      <c r="AX34" s="9" t="s">
        <v>1950</v>
      </c>
      <c r="AY34" s="9" t="s">
        <v>1951</v>
      </c>
      <c r="AZ34" s="9" t="s">
        <v>1952</v>
      </c>
    </row>
    <row r="35" spans="1:174" s="2" customFormat="1" ht="27" customHeight="1">
      <c r="A35" s="11">
        <v>2025</v>
      </c>
      <c r="B35" s="9">
        <v>650</v>
      </c>
      <c r="C35" s="16" t="s">
        <v>180</v>
      </c>
      <c r="D35" s="9" t="s">
        <v>584</v>
      </c>
      <c r="E35" s="9" t="s">
        <v>585</v>
      </c>
      <c r="F35" s="9" t="s">
        <v>1673</v>
      </c>
      <c r="G35" s="9" t="s">
        <v>1674</v>
      </c>
      <c r="H35" s="9" t="s">
        <v>1675</v>
      </c>
      <c r="I35" s="9" t="s">
        <v>1676</v>
      </c>
      <c r="J35" s="9">
        <v>42</v>
      </c>
      <c r="K35" s="9">
        <v>4.5</v>
      </c>
      <c r="L35" s="9">
        <v>360</v>
      </c>
      <c r="M35" s="9" t="s">
        <v>196</v>
      </c>
      <c r="N35" s="9" t="s">
        <v>67</v>
      </c>
      <c r="O35" s="9" t="s">
        <v>1677</v>
      </c>
      <c r="P35" s="9" t="s">
        <v>1678</v>
      </c>
      <c r="Q35" s="9" t="s">
        <v>89</v>
      </c>
      <c r="R35" s="9" t="s">
        <v>64</v>
      </c>
      <c r="S35" s="9">
        <v>0</v>
      </c>
      <c r="T35" s="9" t="s">
        <v>66</v>
      </c>
      <c r="U35" s="9" t="s">
        <v>66</v>
      </c>
      <c r="V35" s="9" t="s">
        <v>66</v>
      </c>
      <c r="W35" s="9" t="s">
        <v>66</v>
      </c>
      <c r="X35" s="9" t="s">
        <v>67</v>
      </c>
      <c r="Y35" s="9" t="s">
        <v>67</v>
      </c>
      <c r="Z35" s="9" t="s">
        <v>67</v>
      </c>
      <c r="AA35" s="9" t="s">
        <v>67</v>
      </c>
      <c r="AB35" s="9" t="s">
        <v>67</v>
      </c>
      <c r="AC35" s="9" t="s">
        <v>66</v>
      </c>
      <c r="AD35" s="9" t="s">
        <v>67</v>
      </c>
      <c r="AE35" s="9" t="s">
        <v>66</v>
      </c>
      <c r="AF35" s="9" t="s">
        <v>67</v>
      </c>
      <c r="AG35" s="9" t="s">
        <v>67</v>
      </c>
      <c r="AH35" s="9" t="s">
        <v>67</v>
      </c>
      <c r="AI35" s="9" t="s">
        <v>67</v>
      </c>
      <c r="AJ35" s="9" t="s">
        <v>67</v>
      </c>
      <c r="AK35" s="9" t="s">
        <v>67</v>
      </c>
      <c r="AL35" s="9" t="s">
        <v>67</v>
      </c>
      <c r="AM35" s="9" t="s">
        <v>67</v>
      </c>
      <c r="AN35" s="9" t="s">
        <v>67</v>
      </c>
      <c r="AO35" s="9" t="s">
        <v>66</v>
      </c>
      <c r="AP35" s="9" t="s">
        <v>67</v>
      </c>
      <c r="AQ35" s="9" t="s">
        <v>67</v>
      </c>
      <c r="AR35" s="9" t="s">
        <v>1675</v>
      </c>
      <c r="AS35" s="9" t="s">
        <v>64</v>
      </c>
      <c r="AT35" s="9">
        <v>0</v>
      </c>
      <c r="AU35" s="9" t="s">
        <v>151</v>
      </c>
      <c r="AV35" s="9" t="s">
        <v>1675</v>
      </c>
      <c r="AW35" s="9" t="s">
        <v>1377</v>
      </c>
      <c r="AX35" s="9" t="s">
        <v>1679</v>
      </c>
      <c r="AY35" s="9" t="s">
        <v>1680</v>
      </c>
      <c r="AZ35" s="9" t="s">
        <v>1681</v>
      </c>
    </row>
    <row r="36" spans="1:174" s="2" customFormat="1" ht="27" customHeight="1">
      <c r="A36" s="11">
        <v>2025</v>
      </c>
      <c r="B36" s="9">
        <v>575</v>
      </c>
      <c r="C36" s="16" t="s">
        <v>180</v>
      </c>
      <c r="D36" s="9" t="s">
        <v>584</v>
      </c>
      <c r="E36" s="9" t="s">
        <v>585</v>
      </c>
      <c r="F36" s="9" t="s">
        <v>1921</v>
      </c>
      <c r="G36" s="9" t="s">
        <v>1922</v>
      </c>
      <c r="H36" s="9" t="s">
        <v>1923</v>
      </c>
      <c r="I36" s="9" t="s">
        <v>1924</v>
      </c>
      <c r="J36" s="9">
        <v>0</v>
      </c>
      <c r="K36" s="9">
        <v>0</v>
      </c>
      <c r="L36" s="9">
        <v>0</v>
      </c>
      <c r="M36" s="9"/>
      <c r="N36" s="9" t="s">
        <v>1925</v>
      </c>
      <c r="O36" s="9" t="s">
        <v>322</v>
      </c>
      <c r="P36" s="9" t="s">
        <v>1926</v>
      </c>
      <c r="Q36" s="9" t="s">
        <v>209</v>
      </c>
      <c r="R36" s="9" t="s">
        <v>64</v>
      </c>
      <c r="S36" s="9" t="s">
        <v>1927</v>
      </c>
      <c r="T36" s="9" t="s">
        <v>65</v>
      </c>
      <c r="U36" s="9" t="s">
        <v>65</v>
      </c>
      <c r="V36" s="9" t="s">
        <v>65</v>
      </c>
      <c r="W36" s="9" t="s">
        <v>67</v>
      </c>
      <c r="X36" s="9" t="s">
        <v>65</v>
      </c>
      <c r="Y36" s="9" t="s">
        <v>65</v>
      </c>
      <c r="Z36" s="9" t="s">
        <v>65</v>
      </c>
      <c r="AA36" s="9" t="s">
        <v>65</v>
      </c>
      <c r="AB36" s="9" t="s">
        <v>65</v>
      </c>
      <c r="AC36" s="9" t="s">
        <v>65</v>
      </c>
      <c r="AD36" s="9" t="s">
        <v>67</v>
      </c>
      <c r="AE36" s="9" t="s">
        <v>67</v>
      </c>
      <c r="AF36" s="9" t="s">
        <v>67</v>
      </c>
      <c r="AG36" s="9" t="s">
        <v>67</v>
      </c>
      <c r="AH36" s="9" t="s">
        <v>65</v>
      </c>
      <c r="AI36" s="9" t="s">
        <v>65</v>
      </c>
      <c r="AJ36" s="9" t="s">
        <v>65</v>
      </c>
      <c r="AK36" s="9" t="s">
        <v>65</v>
      </c>
      <c r="AL36" s="9" t="s">
        <v>65</v>
      </c>
      <c r="AM36" s="9" t="s">
        <v>65</v>
      </c>
      <c r="AN36" s="9" t="s">
        <v>67</v>
      </c>
      <c r="AO36" s="9" t="s">
        <v>67</v>
      </c>
      <c r="AP36" s="9" t="s">
        <v>67</v>
      </c>
      <c r="AQ36" s="9" t="s">
        <v>67</v>
      </c>
      <c r="AR36" s="9" t="s">
        <v>1928</v>
      </c>
      <c r="AS36" s="9" t="s">
        <v>64</v>
      </c>
      <c r="AT36" s="9" t="s">
        <v>1929</v>
      </c>
      <c r="AU36" s="9" t="s">
        <v>108</v>
      </c>
      <c r="AV36" s="9" t="s">
        <v>1930</v>
      </c>
      <c r="AW36" s="9" t="s">
        <v>1931</v>
      </c>
      <c r="AX36" s="9" t="s">
        <v>1931</v>
      </c>
      <c r="AY36" s="9" t="s">
        <v>1931</v>
      </c>
      <c r="AZ36" s="9" t="s">
        <v>1931</v>
      </c>
    </row>
    <row r="37" spans="1:174" s="2" customFormat="1" ht="27" customHeight="1">
      <c r="A37" s="11">
        <v>2025</v>
      </c>
      <c r="B37" s="9">
        <v>400</v>
      </c>
      <c r="C37" s="16" t="s">
        <v>180</v>
      </c>
      <c r="D37" s="9" t="s">
        <v>1552</v>
      </c>
      <c r="E37" s="9" t="s">
        <v>1553</v>
      </c>
      <c r="F37" s="9" t="s">
        <v>1554</v>
      </c>
      <c r="G37" s="9" t="s">
        <v>1555</v>
      </c>
      <c r="H37" s="9" t="s">
        <v>1556</v>
      </c>
      <c r="I37" s="9" t="s">
        <v>1557</v>
      </c>
      <c r="J37" s="9">
        <v>550</v>
      </c>
      <c r="K37" s="9">
        <v>6</v>
      </c>
      <c r="L37" s="9">
        <v>550</v>
      </c>
      <c r="M37" s="9"/>
      <c r="N37" s="9" t="s">
        <v>1558</v>
      </c>
      <c r="O37" s="9" t="s">
        <v>119</v>
      </c>
      <c r="P37" s="9" t="s">
        <v>1559</v>
      </c>
      <c r="Q37" s="9" t="s">
        <v>539</v>
      </c>
      <c r="R37" s="9" t="s">
        <v>90</v>
      </c>
      <c r="S37" s="9">
        <v>0</v>
      </c>
      <c r="T37" s="9" t="s">
        <v>65</v>
      </c>
      <c r="U37" s="9" t="s">
        <v>65</v>
      </c>
      <c r="V37" s="9" t="s">
        <v>65</v>
      </c>
      <c r="W37" s="9" t="s">
        <v>67</v>
      </c>
      <c r="X37" s="9" t="s">
        <v>65</v>
      </c>
      <c r="Y37" s="9" t="s">
        <v>67</v>
      </c>
      <c r="Z37" s="9" t="s">
        <v>65</v>
      </c>
      <c r="AA37" s="9" t="s">
        <v>65</v>
      </c>
      <c r="AB37" s="9" t="s">
        <v>65</v>
      </c>
      <c r="AC37" s="9" t="s">
        <v>65</v>
      </c>
      <c r="AD37" s="9" t="s">
        <v>67</v>
      </c>
      <c r="AE37" s="9" t="s">
        <v>65</v>
      </c>
      <c r="AF37" s="9" t="s">
        <v>65</v>
      </c>
      <c r="AG37" s="9" t="s">
        <v>67</v>
      </c>
      <c r="AH37" s="9" t="s">
        <v>65</v>
      </c>
      <c r="AI37" s="9" t="s">
        <v>67</v>
      </c>
      <c r="AJ37" s="9" t="s">
        <v>65</v>
      </c>
      <c r="AK37" s="9" t="s">
        <v>65</v>
      </c>
      <c r="AL37" s="9" t="s">
        <v>65</v>
      </c>
      <c r="AM37" s="9" t="s">
        <v>65</v>
      </c>
      <c r="AN37" s="9" t="s">
        <v>67</v>
      </c>
      <c r="AO37" s="9" t="s">
        <v>65</v>
      </c>
      <c r="AP37" s="9" t="s">
        <v>65</v>
      </c>
      <c r="AQ37" s="9" t="s">
        <v>67</v>
      </c>
      <c r="AR37" s="9" t="s">
        <v>1560</v>
      </c>
      <c r="AS37" s="9" t="s">
        <v>64</v>
      </c>
      <c r="AT37" s="9" t="s">
        <v>222</v>
      </c>
      <c r="AU37" s="9" t="s">
        <v>108</v>
      </c>
      <c r="AV37" s="9" t="s">
        <v>1561</v>
      </c>
      <c r="AW37" s="9" t="s">
        <v>1562</v>
      </c>
      <c r="AX37" s="9" t="s">
        <v>1563</v>
      </c>
      <c r="AY37" s="9" t="s">
        <v>1564</v>
      </c>
      <c r="AZ37" s="9" t="s">
        <v>1565</v>
      </c>
    </row>
    <row r="38" spans="1:174" s="2" customFormat="1" ht="27" customHeight="1">
      <c r="A38" s="11">
        <v>2025</v>
      </c>
      <c r="B38" s="11">
        <v>664</v>
      </c>
      <c r="C38" s="16" t="s">
        <v>180</v>
      </c>
      <c r="D38" s="11" t="s">
        <v>215</v>
      </c>
      <c r="E38" s="11" t="s">
        <v>216</v>
      </c>
      <c r="F38" s="11" t="s">
        <v>217</v>
      </c>
      <c r="G38" s="11" t="s">
        <v>218</v>
      </c>
      <c r="H38" s="11" t="s">
        <v>219</v>
      </c>
      <c r="I38" s="11" t="s">
        <v>220</v>
      </c>
      <c r="J38" s="11">
        <v>0</v>
      </c>
      <c r="K38" s="11">
        <v>0</v>
      </c>
      <c r="L38" s="11">
        <v>0</v>
      </c>
      <c r="M38" s="11"/>
      <c r="N38" s="11" t="s">
        <v>221</v>
      </c>
      <c r="O38" s="11" t="s">
        <v>222</v>
      </c>
      <c r="P38" s="11" t="s">
        <v>223</v>
      </c>
      <c r="Q38" s="11" t="s">
        <v>209</v>
      </c>
      <c r="R38" s="11" t="s">
        <v>64</v>
      </c>
      <c r="S38" s="11" t="s">
        <v>224</v>
      </c>
      <c r="T38" s="11" t="s">
        <v>65</v>
      </c>
      <c r="U38" s="11" t="s">
        <v>65</v>
      </c>
      <c r="V38" s="11" t="s">
        <v>65</v>
      </c>
      <c r="W38" s="11" t="s">
        <v>65</v>
      </c>
      <c r="X38" s="11" t="s">
        <v>65</v>
      </c>
      <c r="Y38" s="11" t="s">
        <v>65</v>
      </c>
      <c r="Z38" s="11" t="s">
        <v>65</v>
      </c>
      <c r="AA38" s="11" t="s">
        <v>65</v>
      </c>
      <c r="AB38" s="11" t="s">
        <v>65</v>
      </c>
      <c r="AC38" s="11" t="s">
        <v>65</v>
      </c>
      <c r="AD38" s="11" t="s">
        <v>65</v>
      </c>
      <c r="AE38" s="11" t="s">
        <v>67</v>
      </c>
      <c r="AF38" s="11" t="s">
        <v>65</v>
      </c>
      <c r="AG38" s="11" t="s">
        <v>67</v>
      </c>
      <c r="AH38" s="11" t="s">
        <v>65</v>
      </c>
      <c r="AI38" s="11" t="s">
        <v>65</v>
      </c>
      <c r="AJ38" s="11" t="s">
        <v>65</v>
      </c>
      <c r="AK38" s="11" t="s">
        <v>65</v>
      </c>
      <c r="AL38" s="11" t="s">
        <v>65</v>
      </c>
      <c r="AM38" s="11" t="s">
        <v>65</v>
      </c>
      <c r="AN38" s="11" t="s">
        <v>65</v>
      </c>
      <c r="AO38" s="11" t="s">
        <v>67</v>
      </c>
      <c r="AP38" s="11" t="s">
        <v>65</v>
      </c>
      <c r="AQ38" s="11" t="s">
        <v>67</v>
      </c>
      <c r="AR38" s="11" t="s">
        <v>70</v>
      </c>
      <c r="AS38" s="11" t="s">
        <v>90</v>
      </c>
      <c r="AT38" s="11" t="s">
        <v>225</v>
      </c>
      <c r="AU38" s="11" t="s">
        <v>151</v>
      </c>
      <c r="AV38" s="11" t="s">
        <v>226</v>
      </c>
      <c r="AW38" s="20">
        <v>45945</v>
      </c>
      <c r="AX38" s="20">
        <v>45945</v>
      </c>
      <c r="AY38" s="20">
        <v>46068</v>
      </c>
      <c r="AZ38" s="20">
        <v>46068</v>
      </c>
      <c r="BA38" s="12"/>
      <c r="BB38" s="12"/>
      <c r="BC38" s="12"/>
      <c r="BD38" s="12"/>
      <c r="BE38" s="12"/>
      <c r="BF38" s="12"/>
      <c r="BG38" s="12"/>
      <c r="BH38" s="12"/>
      <c r="BI38" s="12"/>
      <c r="BJ38" s="12"/>
      <c r="BK38" s="12"/>
      <c r="BL38" s="12"/>
      <c r="BM38" s="12"/>
      <c r="BN38" s="12"/>
      <c r="BO38" s="12"/>
      <c r="BP38" s="12"/>
      <c r="BQ38" s="12"/>
      <c r="BR38" s="12"/>
      <c r="BS38" s="12"/>
      <c r="BT38" s="12"/>
      <c r="BU38" s="12"/>
      <c r="BV38" s="12"/>
      <c r="BW38" s="12"/>
      <c r="BX38" s="12"/>
      <c r="BY38" s="12"/>
      <c r="BZ38" s="12"/>
      <c r="CA38" s="12"/>
      <c r="CB38" s="12"/>
      <c r="CC38" s="12"/>
      <c r="CD38" s="12"/>
      <c r="CE38" s="12"/>
      <c r="CF38" s="12"/>
      <c r="CG38" s="12"/>
      <c r="CH38" s="12"/>
      <c r="CI38" s="12"/>
      <c r="CJ38" s="12"/>
      <c r="CK38" s="12"/>
      <c r="CL38" s="12"/>
      <c r="CM38" s="12"/>
      <c r="CN38" s="12"/>
      <c r="CO38" s="12"/>
      <c r="CP38" s="12"/>
      <c r="CQ38" s="12"/>
      <c r="CR38" s="12"/>
      <c r="CS38" s="12"/>
      <c r="CT38" s="12"/>
      <c r="CU38" s="12"/>
      <c r="CV38" s="12"/>
      <c r="CW38" s="12"/>
      <c r="CX38" s="12"/>
      <c r="CY38" s="12"/>
      <c r="CZ38" s="12"/>
      <c r="DA38" s="12"/>
      <c r="DB38" s="12"/>
      <c r="DC38" s="12"/>
      <c r="DD38" s="12"/>
      <c r="DE38" s="12"/>
      <c r="DF38" s="12"/>
      <c r="DG38" s="12"/>
      <c r="DH38" s="12"/>
      <c r="DI38" s="12"/>
      <c r="DJ38" s="12"/>
      <c r="DK38" s="12"/>
      <c r="DL38" s="12"/>
      <c r="DM38" s="12"/>
      <c r="DN38" s="12"/>
      <c r="DO38" s="12"/>
      <c r="DP38" s="12"/>
      <c r="DQ38" s="12"/>
      <c r="DR38" s="12"/>
      <c r="DS38" s="12"/>
      <c r="DT38" s="12"/>
      <c r="DU38" s="12"/>
      <c r="DV38" s="12"/>
      <c r="DW38" s="12"/>
      <c r="DX38" s="12"/>
      <c r="DY38" s="12"/>
      <c r="DZ38" s="12"/>
      <c r="EA38" s="12"/>
      <c r="EB38" s="12"/>
      <c r="EC38" s="12"/>
      <c r="ED38" s="12"/>
      <c r="EE38" s="12"/>
      <c r="EF38" s="12"/>
      <c r="EG38" s="12"/>
      <c r="EH38" s="12"/>
      <c r="EI38" s="12"/>
      <c r="EJ38" s="12"/>
      <c r="EK38" s="12"/>
      <c r="EL38" s="12"/>
      <c r="EM38" s="12"/>
      <c r="EN38" s="12"/>
      <c r="EO38" s="12"/>
      <c r="EP38" s="12"/>
      <c r="EQ38" s="12"/>
      <c r="ER38" s="12"/>
      <c r="ES38" s="12"/>
      <c r="ET38" s="12"/>
      <c r="EU38" s="12"/>
      <c r="EV38" s="12"/>
      <c r="EW38" s="12"/>
      <c r="EX38" s="12"/>
      <c r="EY38" s="12"/>
      <c r="EZ38" s="12"/>
      <c r="FA38" s="12"/>
      <c r="FB38" s="12"/>
      <c r="FC38" s="12"/>
      <c r="FD38" s="12"/>
      <c r="FE38" s="12"/>
      <c r="FF38" s="12"/>
      <c r="FG38" s="12"/>
      <c r="FH38" s="12"/>
      <c r="FI38" s="12"/>
      <c r="FJ38" s="12"/>
      <c r="FK38" s="12"/>
      <c r="FL38" s="12"/>
      <c r="FM38" s="12"/>
      <c r="FN38" s="12"/>
      <c r="FO38" s="12"/>
      <c r="FP38" s="12"/>
      <c r="FQ38" s="12"/>
      <c r="FR38" s="12"/>
    </row>
    <row r="39" spans="1:174" s="2" customFormat="1" ht="27" customHeight="1">
      <c r="A39" s="11">
        <v>2025</v>
      </c>
      <c r="B39" s="9">
        <v>199</v>
      </c>
      <c r="C39" s="16" t="s">
        <v>180</v>
      </c>
      <c r="D39" s="9" t="s">
        <v>215</v>
      </c>
      <c r="E39" s="9" t="s">
        <v>227</v>
      </c>
      <c r="F39" s="11" t="s">
        <v>228</v>
      </c>
      <c r="G39" s="9" t="s">
        <v>229</v>
      </c>
      <c r="H39" s="9" t="s">
        <v>1953</v>
      </c>
      <c r="I39" s="9" t="s">
        <v>230</v>
      </c>
      <c r="J39" s="9">
        <v>0</v>
      </c>
      <c r="K39" s="9">
        <v>0</v>
      </c>
      <c r="L39" s="9">
        <v>0</v>
      </c>
      <c r="M39" s="9"/>
      <c r="N39" s="9" t="s">
        <v>231</v>
      </c>
      <c r="O39" s="9" t="s">
        <v>222</v>
      </c>
      <c r="P39" s="9" t="s">
        <v>232</v>
      </c>
      <c r="Q39" s="9" t="s">
        <v>209</v>
      </c>
      <c r="R39" s="9" t="s">
        <v>64</v>
      </c>
      <c r="S39" s="9">
        <v>0</v>
      </c>
      <c r="T39" s="9" t="s">
        <v>65</v>
      </c>
      <c r="U39" s="9" t="s">
        <v>65</v>
      </c>
      <c r="V39" s="9" t="s">
        <v>67</v>
      </c>
      <c r="W39" s="9" t="s">
        <v>67</v>
      </c>
      <c r="X39" s="9" t="s">
        <v>65</v>
      </c>
      <c r="Y39" s="9" t="s">
        <v>65</v>
      </c>
      <c r="Z39" s="9" t="s">
        <v>65</v>
      </c>
      <c r="AA39" s="9" t="s">
        <v>65</v>
      </c>
      <c r="AB39" s="9" t="s">
        <v>65</v>
      </c>
      <c r="AC39" s="9" t="s">
        <v>65</v>
      </c>
      <c r="AD39" s="9" t="s">
        <v>65</v>
      </c>
      <c r="AE39" s="9" t="s">
        <v>65</v>
      </c>
      <c r="AF39" s="9" t="s">
        <v>65</v>
      </c>
      <c r="AG39" s="9" t="s">
        <v>65</v>
      </c>
      <c r="AH39" s="9" t="s">
        <v>67</v>
      </c>
      <c r="AI39" s="9" t="s">
        <v>67</v>
      </c>
      <c r="AJ39" s="9" t="s">
        <v>67</v>
      </c>
      <c r="AK39" s="9" t="s">
        <v>67</v>
      </c>
      <c r="AL39" s="9" t="s">
        <v>67</v>
      </c>
      <c r="AM39" s="9" t="s">
        <v>67</v>
      </c>
      <c r="AN39" s="9" t="s">
        <v>67</v>
      </c>
      <c r="AO39" s="9" t="s">
        <v>67</v>
      </c>
      <c r="AP39" s="9" t="s">
        <v>67</v>
      </c>
      <c r="AQ39" s="9" t="s">
        <v>67</v>
      </c>
      <c r="AR39" s="9" t="s">
        <v>233</v>
      </c>
      <c r="AS39" s="9" t="s">
        <v>64</v>
      </c>
      <c r="AT39" s="9" t="s">
        <v>222</v>
      </c>
      <c r="AU39" s="9" t="s">
        <v>108</v>
      </c>
      <c r="AV39" s="9" t="s">
        <v>234</v>
      </c>
      <c r="AW39" s="21" t="s">
        <v>235</v>
      </c>
      <c r="AX39" s="21" t="s">
        <v>235</v>
      </c>
      <c r="AY39" s="21" t="s">
        <v>236</v>
      </c>
      <c r="AZ39" s="21" t="s">
        <v>236</v>
      </c>
    </row>
    <row r="40" spans="1:174" s="2" customFormat="1" ht="27" customHeight="1">
      <c r="A40" s="18">
        <v>2021</v>
      </c>
      <c r="B40" s="13">
        <v>274</v>
      </c>
      <c r="C40" s="16" t="s">
        <v>180</v>
      </c>
      <c r="D40" s="13" t="s">
        <v>215</v>
      </c>
      <c r="E40" s="13" t="s">
        <v>355</v>
      </c>
      <c r="F40" s="9" t="s">
        <v>356</v>
      </c>
      <c r="G40" s="13" t="s">
        <v>357</v>
      </c>
      <c r="H40" s="14" t="s">
        <v>358</v>
      </c>
      <c r="I40" s="13" t="s">
        <v>359</v>
      </c>
      <c r="J40" s="13" t="s">
        <v>134</v>
      </c>
      <c r="K40" s="13">
        <v>5</v>
      </c>
      <c r="L40" s="13" t="s">
        <v>134</v>
      </c>
      <c r="M40" s="13" t="s">
        <v>134</v>
      </c>
      <c r="N40" s="13"/>
      <c r="O40" s="13"/>
      <c r="P40" s="13" t="s">
        <v>360</v>
      </c>
      <c r="Q40" s="13" t="s">
        <v>361</v>
      </c>
      <c r="R40" s="13"/>
      <c r="S40" s="13"/>
      <c r="T40" s="13" t="s">
        <v>66</v>
      </c>
      <c r="U40" s="13" t="s">
        <v>66</v>
      </c>
      <c r="V40" s="13"/>
      <c r="W40" s="13"/>
      <c r="X40" s="13" t="s">
        <v>66</v>
      </c>
      <c r="Y40" s="13"/>
      <c r="Z40" s="13"/>
      <c r="AA40" s="13" t="s">
        <v>66</v>
      </c>
      <c r="AB40" s="13" t="s">
        <v>66</v>
      </c>
      <c r="AC40" s="13" t="s">
        <v>66</v>
      </c>
      <c r="AD40" s="13"/>
      <c r="AE40" s="13"/>
      <c r="AF40" s="13"/>
      <c r="AG40" s="13"/>
      <c r="AH40" s="13"/>
      <c r="AI40" s="13"/>
      <c r="AJ40" s="13"/>
      <c r="AK40" s="13"/>
      <c r="AL40" s="13"/>
      <c r="AM40" s="13"/>
      <c r="AN40" s="13"/>
      <c r="AO40" s="13"/>
      <c r="AP40" s="13"/>
      <c r="AQ40" s="13"/>
      <c r="AR40" s="14" t="s">
        <v>362</v>
      </c>
      <c r="AS40" s="24" t="s">
        <v>363</v>
      </c>
      <c r="AT40" s="13" t="s">
        <v>364</v>
      </c>
      <c r="AU40" s="25" t="s">
        <v>361</v>
      </c>
      <c r="AV40" s="13"/>
      <c r="AW40" s="13" t="s">
        <v>361</v>
      </c>
      <c r="AX40" s="13" t="s">
        <v>361</v>
      </c>
      <c r="AY40" s="13" t="s">
        <v>361</v>
      </c>
      <c r="AZ40" s="13" t="s">
        <v>361</v>
      </c>
      <c r="BA40" s="15"/>
    </row>
    <row r="41" spans="1:174" s="2" customFormat="1" ht="27" customHeight="1">
      <c r="A41" s="11">
        <v>2025</v>
      </c>
      <c r="B41" s="9">
        <v>190</v>
      </c>
      <c r="C41" s="16" t="s">
        <v>180</v>
      </c>
      <c r="D41" s="9" t="s">
        <v>215</v>
      </c>
      <c r="E41" s="9" t="s">
        <v>355</v>
      </c>
      <c r="F41" s="9" t="s">
        <v>839</v>
      </c>
      <c r="G41" s="9" t="s">
        <v>840</v>
      </c>
      <c r="H41" s="9" t="s">
        <v>841</v>
      </c>
      <c r="I41" s="9" t="s">
        <v>842</v>
      </c>
      <c r="J41" s="9">
        <v>0</v>
      </c>
      <c r="K41" s="9">
        <v>0</v>
      </c>
      <c r="L41" s="9">
        <v>0</v>
      </c>
      <c r="M41" s="9"/>
      <c r="N41" s="9" t="s">
        <v>843</v>
      </c>
      <c r="O41" s="9" t="s">
        <v>322</v>
      </c>
      <c r="P41" s="9" t="s">
        <v>844</v>
      </c>
      <c r="Q41" s="9" t="s">
        <v>310</v>
      </c>
      <c r="R41" s="9" t="s">
        <v>64</v>
      </c>
      <c r="S41" s="9">
        <v>0</v>
      </c>
      <c r="T41" s="9" t="s">
        <v>65</v>
      </c>
      <c r="U41" s="9" t="s">
        <v>65</v>
      </c>
      <c r="V41" s="9" t="s">
        <v>65</v>
      </c>
      <c r="W41" s="9" t="s">
        <v>65</v>
      </c>
      <c r="X41" s="9" t="s">
        <v>65</v>
      </c>
      <c r="Y41" s="9" t="s">
        <v>67</v>
      </c>
      <c r="Z41" s="9" t="s">
        <v>65</v>
      </c>
      <c r="AA41" s="9" t="s">
        <v>65</v>
      </c>
      <c r="AB41" s="9" t="s">
        <v>65</v>
      </c>
      <c r="AC41" s="9" t="s">
        <v>65</v>
      </c>
      <c r="AD41" s="9" t="s">
        <v>65</v>
      </c>
      <c r="AE41" s="9" t="s">
        <v>65</v>
      </c>
      <c r="AF41" s="9" t="s">
        <v>65</v>
      </c>
      <c r="AG41" s="9" t="s">
        <v>67</v>
      </c>
      <c r="AH41" s="9" t="s">
        <v>65</v>
      </c>
      <c r="AI41" s="9" t="s">
        <v>67</v>
      </c>
      <c r="AJ41" s="9" t="s">
        <v>65</v>
      </c>
      <c r="AK41" s="9" t="s">
        <v>65</v>
      </c>
      <c r="AL41" s="9" t="s">
        <v>65</v>
      </c>
      <c r="AM41" s="9" t="s">
        <v>65</v>
      </c>
      <c r="AN41" s="9" t="s">
        <v>65</v>
      </c>
      <c r="AO41" s="9" t="s">
        <v>65</v>
      </c>
      <c r="AP41" s="9" t="s">
        <v>65</v>
      </c>
      <c r="AQ41" s="9" t="s">
        <v>67</v>
      </c>
      <c r="AR41" s="9" t="s">
        <v>841</v>
      </c>
      <c r="AS41" s="9" t="s">
        <v>64</v>
      </c>
      <c r="AT41" s="9" t="s">
        <v>845</v>
      </c>
      <c r="AU41" s="9" t="s">
        <v>151</v>
      </c>
      <c r="AV41" s="9" t="s">
        <v>846</v>
      </c>
      <c r="AW41" s="9" t="s">
        <v>847</v>
      </c>
      <c r="AX41" s="9" t="s">
        <v>247</v>
      </c>
      <c r="AY41" s="9" t="s">
        <v>848</v>
      </c>
      <c r="AZ41" s="9" t="s">
        <v>849</v>
      </c>
    </row>
    <row r="42" spans="1:174" s="2" customFormat="1" ht="27" customHeight="1">
      <c r="A42" s="18">
        <v>2021</v>
      </c>
      <c r="B42" s="13">
        <v>189</v>
      </c>
      <c r="C42" s="16" t="s">
        <v>180</v>
      </c>
      <c r="D42" s="13" t="s">
        <v>215</v>
      </c>
      <c r="E42" s="13" t="s">
        <v>355</v>
      </c>
      <c r="F42" s="9" t="s">
        <v>897</v>
      </c>
      <c r="G42" s="13" t="s">
        <v>898</v>
      </c>
      <c r="H42" s="14" t="s">
        <v>899</v>
      </c>
      <c r="I42" s="13" t="s">
        <v>359</v>
      </c>
      <c r="J42" s="13" t="s">
        <v>134</v>
      </c>
      <c r="K42" s="13" t="s">
        <v>134</v>
      </c>
      <c r="L42" s="13" t="s">
        <v>134</v>
      </c>
      <c r="M42" s="13" t="s">
        <v>134</v>
      </c>
      <c r="N42" s="13" t="s">
        <v>900</v>
      </c>
      <c r="O42" s="13"/>
      <c r="P42" s="13" t="s">
        <v>901</v>
      </c>
      <c r="Q42" s="13" t="s">
        <v>361</v>
      </c>
      <c r="R42" s="13"/>
      <c r="S42" s="13"/>
      <c r="T42" s="13" t="s">
        <v>66</v>
      </c>
      <c r="U42" s="13" t="s">
        <v>66</v>
      </c>
      <c r="V42" s="13" t="s">
        <v>66</v>
      </c>
      <c r="W42" s="13" t="s">
        <v>66</v>
      </c>
      <c r="X42" s="13" t="s">
        <v>66</v>
      </c>
      <c r="Y42" s="13"/>
      <c r="Z42" s="13"/>
      <c r="AA42" s="13"/>
      <c r="AB42" s="13" t="s">
        <v>66</v>
      </c>
      <c r="AC42" s="13"/>
      <c r="AD42" s="13"/>
      <c r="AE42" s="13"/>
      <c r="AF42" s="15"/>
      <c r="AG42" s="13"/>
      <c r="AH42" s="13" t="s">
        <v>66</v>
      </c>
      <c r="AI42" s="13"/>
      <c r="AJ42" s="13"/>
      <c r="AK42" s="13"/>
      <c r="AL42" s="13" t="s">
        <v>66</v>
      </c>
      <c r="AM42" s="13"/>
      <c r="AN42" s="13"/>
      <c r="AO42" s="13"/>
      <c r="AP42" s="15"/>
      <c r="AQ42" s="13"/>
      <c r="AR42" s="14"/>
      <c r="AS42" s="13" t="s">
        <v>435</v>
      </c>
      <c r="AT42" s="13"/>
      <c r="AU42" s="25" t="s">
        <v>361</v>
      </c>
      <c r="AV42" s="13"/>
      <c r="AW42" s="13" t="s">
        <v>361</v>
      </c>
      <c r="AX42" s="13" t="s">
        <v>361</v>
      </c>
      <c r="AY42" s="13" t="s">
        <v>361</v>
      </c>
      <c r="AZ42" s="13" t="s">
        <v>361</v>
      </c>
      <c r="BA42" s="15"/>
    </row>
    <row r="43" spans="1:174" s="2" customFormat="1" ht="27" customHeight="1">
      <c r="A43" s="11">
        <v>2025</v>
      </c>
      <c r="B43" s="9">
        <v>374</v>
      </c>
      <c r="C43" s="16" t="s">
        <v>180</v>
      </c>
      <c r="D43" s="9" t="s">
        <v>215</v>
      </c>
      <c r="E43" s="9" t="s">
        <v>355</v>
      </c>
      <c r="F43" s="9" t="s">
        <v>1282</v>
      </c>
      <c r="G43" s="9" t="s">
        <v>1283</v>
      </c>
      <c r="H43" s="9" t="s">
        <v>1284</v>
      </c>
      <c r="I43" s="9" t="s">
        <v>1285</v>
      </c>
      <c r="J43" s="9">
        <v>0</v>
      </c>
      <c r="K43" s="9">
        <v>0</v>
      </c>
      <c r="L43" s="9">
        <v>0</v>
      </c>
      <c r="M43" s="9" t="s">
        <v>196</v>
      </c>
      <c r="N43" s="9" t="s">
        <v>1286</v>
      </c>
      <c r="O43" s="9" t="s">
        <v>322</v>
      </c>
      <c r="P43" s="9" t="s">
        <v>1287</v>
      </c>
      <c r="Q43" s="9" t="s">
        <v>106</v>
      </c>
      <c r="R43" s="9" t="s">
        <v>64</v>
      </c>
      <c r="S43" s="9">
        <v>0</v>
      </c>
      <c r="T43" s="9" t="s">
        <v>66</v>
      </c>
      <c r="U43" s="9" t="s">
        <v>67</v>
      </c>
      <c r="V43" s="9" t="s">
        <v>66</v>
      </c>
      <c r="W43" s="9" t="s">
        <v>67</v>
      </c>
      <c r="X43" s="9" t="s">
        <v>66</v>
      </c>
      <c r="Y43" s="9" t="s">
        <v>67</v>
      </c>
      <c r="Z43" s="9" t="s">
        <v>67</v>
      </c>
      <c r="AA43" s="9" t="s">
        <v>66</v>
      </c>
      <c r="AB43" s="9" t="s">
        <v>66</v>
      </c>
      <c r="AC43" s="9" t="s">
        <v>66</v>
      </c>
      <c r="AD43" s="9" t="s">
        <v>66</v>
      </c>
      <c r="AE43" s="9" t="s">
        <v>66</v>
      </c>
      <c r="AF43" s="9" t="s">
        <v>67</v>
      </c>
      <c r="AG43" s="9" t="s">
        <v>67</v>
      </c>
      <c r="AH43" s="9" t="s">
        <v>66</v>
      </c>
      <c r="AI43" s="9" t="s">
        <v>67</v>
      </c>
      <c r="AJ43" s="9" t="s">
        <v>67</v>
      </c>
      <c r="AK43" s="9" t="s">
        <v>66</v>
      </c>
      <c r="AL43" s="9" t="s">
        <v>66</v>
      </c>
      <c r="AM43" s="9" t="s">
        <v>66</v>
      </c>
      <c r="AN43" s="9" t="s">
        <v>66</v>
      </c>
      <c r="AO43" s="9" t="s">
        <v>66</v>
      </c>
      <c r="AP43" s="9" t="s">
        <v>67</v>
      </c>
      <c r="AQ43" s="9" t="s">
        <v>67</v>
      </c>
      <c r="AR43" s="9" t="s">
        <v>1288</v>
      </c>
      <c r="AS43" s="9" t="s">
        <v>64</v>
      </c>
      <c r="AT43" s="9">
        <v>0</v>
      </c>
      <c r="AU43" s="9" t="s">
        <v>151</v>
      </c>
      <c r="AV43" s="9" t="s">
        <v>1289</v>
      </c>
      <c r="AW43" s="9" t="s">
        <v>1290</v>
      </c>
      <c r="AX43" s="9" t="s">
        <v>1291</v>
      </c>
      <c r="AY43" s="9" t="s">
        <v>1292</v>
      </c>
      <c r="AZ43" s="9" t="s">
        <v>1293</v>
      </c>
    </row>
    <row r="44" spans="1:174" s="2" customFormat="1" ht="27" customHeight="1">
      <c r="A44" s="11">
        <v>2025</v>
      </c>
      <c r="B44" s="9">
        <v>675</v>
      </c>
      <c r="C44" s="16" t="s">
        <v>180</v>
      </c>
      <c r="D44" s="9" t="s">
        <v>215</v>
      </c>
      <c r="E44" s="9" t="s">
        <v>1333</v>
      </c>
      <c r="F44" s="9" t="s">
        <v>1334</v>
      </c>
      <c r="G44" s="9" t="s">
        <v>1335</v>
      </c>
      <c r="H44" s="9" t="s">
        <v>1955</v>
      </c>
      <c r="I44" s="9" t="s">
        <v>1337</v>
      </c>
      <c r="J44" s="9">
        <v>0</v>
      </c>
      <c r="K44" s="9">
        <v>0</v>
      </c>
      <c r="L44" s="9">
        <v>0</v>
      </c>
      <c r="M44" s="9"/>
      <c r="N44" s="9" t="s">
        <v>1338</v>
      </c>
      <c r="O44" s="9" t="s">
        <v>666</v>
      </c>
      <c r="P44" s="9">
        <v>3</v>
      </c>
      <c r="Q44" s="9" t="s">
        <v>209</v>
      </c>
      <c r="R44" s="9" t="s">
        <v>64</v>
      </c>
      <c r="S44" s="9">
        <v>0</v>
      </c>
      <c r="T44" s="9" t="s">
        <v>65</v>
      </c>
      <c r="U44" s="9" t="s">
        <v>65</v>
      </c>
      <c r="V44" s="9" t="s">
        <v>67</v>
      </c>
      <c r="W44" s="9" t="s">
        <v>67</v>
      </c>
      <c r="X44" s="9" t="s">
        <v>65</v>
      </c>
      <c r="Y44" s="9" t="s">
        <v>67</v>
      </c>
      <c r="Z44" s="9" t="s">
        <v>65</v>
      </c>
      <c r="AA44" s="9" t="s">
        <v>65</v>
      </c>
      <c r="AB44" s="9" t="s">
        <v>65</v>
      </c>
      <c r="AC44" s="9" t="s">
        <v>65</v>
      </c>
      <c r="AD44" s="9" t="s">
        <v>67</v>
      </c>
      <c r="AE44" s="9" t="s">
        <v>65</v>
      </c>
      <c r="AF44" s="9" t="s">
        <v>65</v>
      </c>
      <c r="AG44" s="9" t="s">
        <v>67</v>
      </c>
      <c r="AH44" s="9" t="s">
        <v>67</v>
      </c>
      <c r="AI44" s="9" t="s">
        <v>67</v>
      </c>
      <c r="AJ44" s="9" t="s">
        <v>67</v>
      </c>
      <c r="AK44" s="9" t="s">
        <v>67</v>
      </c>
      <c r="AL44" s="9" t="s">
        <v>67</v>
      </c>
      <c r="AM44" s="9" t="s">
        <v>67</v>
      </c>
      <c r="AN44" s="9" t="s">
        <v>67</v>
      </c>
      <c r="AO44" s="9" t="s">
        <v>67</v>
      </c>
      <c r="AP44" s="9" t="s">
        <v>67</v>
      </c>
      <c r="AQ44" s="9" t="s">
        <v>67</v>
      </c>
      <c r="AR44" s="9" t="s">
        <v>1336</v>
      </c>
      <c r="AS44" s="9" t="s">
        <v>64</v>
      </c>
      <c r="AT44" s="9" t="s">
        <v>1339</v>
      </c>
      <c r="AU44" s="9" t="s">
        <v>108</v>
      </c>
      <c r="AV44" s="9" t="s">
        <v>666</v>
      </c>
      <c r="AW44" s="9" t="s">
        <v>1340</v>
      </c>
      <c r="AX44" s="9" t="s">
        <v>1340</v>
      </c>
      <c r="AY44" s="9" t="s">
        <v>1341</v>
      </c>
      <c r="AZ44" s="9" t="s">
        <v>1341</v>
      </c>
    </row>
    <row r="45" spans="1:174" s="2" customFormat="1" ht="27" customHeight="1">
      <c r="A45" s="11">
        <v>2025</v>
      </c>
      <c r="B45" s="9">
        <v>232</v>
      </c>
      <c r="C45" s="16" t="s">
        <v>180</v>
      </c>
      <c r="D45" s="9" t="s">
        <v>215</v>
      </c>
      <c r="E45" s="9" t="s">
        <v>1342</v>
      </c>
      <c r="F45" s="9" t="s">
        <v>1343</v>
      </c>
      <c r="G45" s="9" t="s">
        <v>1344</v>
      </c>
      <c r="H45" s="9" t="s">
        <v>134</v>
      </c>
      <c r="I45" s="9" t="s">
        <v>1345</v>
      </c>
      <c r="J45" s="9">
        <v>700</v>
      </c>
      <c r="K45" s="9">
        <v>6</v>
      </c>
      <c r="L45" s="9">
        <v>700</v>
      </c>
      <c r="M45" s="9" t="s">
        <v>102</v>
      </c>
      <c r="N45" s="9" t="s">
        <v>1346</v>
      </c>
      <c r="O45" s="9" t="s">
        <v>1347</v>
      </c>
      <c r="P45" s="9" t="s">
        <v>1348</v>
      </c>
      <c r="Q45" s="9" t="s">
        <v>89</v>
      </c>
      <c r="R45" s="9" t="s">
        <v>64</v>
      </c>
      <c r="S45" s="9">
        <v>0</v>
      </c>
      <c r="T45" s="9" t="s">
        <v>66</v>
      </c>
      <c r="U45" s="9" t="s">
        <v>66</v>
      </c>
      <c r="V45" s="9" t="s">
        <v>66</v>
      </c>
      <c r="W45" s="9" t="s">
        <v>67</v>
      </c>
      <c r="X45" s="9" t="s">
        <v>66</v>
      </c>
      <c r="Y45" s="9" t="s">
        <v>66</v>
      </c>
      <c r="Z45" s="9" t="s">
        <v>66</v>
      </c>
      <c r="AA45" s="9" t="s">
        <v>66</v>
      </c>
      <c r="AB45" s="9" t="s">
        <v>66</v>
      </c>
      <c r="AC45" s="9" t="s">
        <v>66</v>
      </c>
      <c r="AD45" s="9" t="s">
        <v>66</v>
      </c>
      <c r="AE45" s="9" t="s">
        <v>66</v>
      </c>
      <c r="AF45" s="9" t="s">
        <v>66</v>
      </c>
      <c r="AG45" s="9" t="s">
        <v>66</v>
      </c>
      <c r="AH45" s="9" t="s">
        <v>66</v>
      </c>
      <c r="AI45" s="9" t="s">
        <v>66</v>
      </c>
      <c r="AJ45" s="9" t="s">
        <v>66</v>
      </c>
      <c r="AK45" s="9" t="s">
        <v>66</v>
      </c>
      <c r="AL45" s="9" t="s">
        <v>66</v>
      </c>
      <c r="AM45" s="9" t="s">
        <v>66</v>
      </c>
      <c r="AN45" s="9" t="s">
        <v>66</v>
      </c>
      <c r="AO45" s="9" t="s">
        <v>66</v>
      </c>
      <c r="AP45" s="9" t="s">
        <v>66</v>
      </c>
      <c r="AQ45" s="9" t="s">
        <v>66</v>
      </c>
      <c r="AR45" s="9" t="s">
        <v>1349</v>
      </c>
      <c r="AS45" s="9" t="s">
        <v>64</v>
      </c>
      <c r="AT45" s="9">
        <v>0</v>
      </c>
      <c r="AU45" s="9" t="s">
        <v>151</v>
      </c>
      <c r="AV45" s="9" t="s">
        <v>1350</v>
      </c>
      <c r="AW45" s="9" t="s">
        <v>134</v>
      </c>
      <c r="AX45" s="9" t="s">
        <v>1351</v>
      </c>
      <c r="AY45" s="9" t="s">
        <v>134</v>
      </c>
      <c r="AZ45" s="9" t="s">
        <v>1352</v>
      </c>
    </row>
    <row r="46" spans="1:174" s="2" customFormat="1" ht="27" customHeight="1">
      <c r="A46" s="11">
        <v>2025</v>
      </c>
      <c r="B46" s="9">
        <v>577</v>
      </c>
      <c r="C46" s="16" t="s">
        <v>180</v>
      </c>
      <c r="D46" s="9" t="s">
        <v>215</v>
      </c>
      <c r="E46" s="9" t="s">
        <v>1353</v>
      </c>
      <c r="F46" s="9" t="s">
        <v>1354</v>
      </c>
      <c r="G46" s="9" t="s">
        <v>1355</v>
      </c>
      <c r="H46" s="9" t="s">
        <v>1356</v>
      </c>
      <c r="I46" s="9" t="s">
        <v>1357</v>
      </c>
      <c r="J46" s="9">
        <v>0</v>
      </c>
      <c r="K46" s="9">
        <v>0</v>
      </c>
      <c r="L46" s="9">
        <v>0</v>
      </c>
      <c r="M46" s="9"/>
      <c r="N46" s="9" t="s">
        <v>285</v>
      </c>
      <c r="O46" s="9" t="s">
        <v>1358</v>
      </c>
      <c r="P46" s="9" t="s">
        <v>1359</v>
      </c>
      <c r="Q46" s="9" t="s">
        <v>209</v>
      </c>
      <c r="R46" s="9" t="s">
        <v>64</v>
      </c>
      <c r="S46" s="9">
        <v>0</v>
      </c>
      <c r="T46" s="9" t="s">
        <v>65</v>
      </c>
      <c r="U46" s="9" t="s">
        <v>65</v>
      </c>
      <c r="V46" s="9" t="s">
        <v>67</v>
      </c>
      <c r="W46" s="9" t="s">
        <v>67</v>
      </c>
      <c r="X46" s="9" t="s">
        <v>65</v>
      </c>
      <c r="Y46" s="9" t="s">
        <v>67</v>
      </c>
      <c r="Z46" s="9" t="s">
        <v>67</v>
      </c>
      <c r="AA46" s="9" t="s">
        <v>65</v>
      </c>
      <c r="AB46" s="9" t="s">
        <v>65</v>
      </c>
      <c r="AC46" s="9" t="s">
        <v>65</v>
      </c>
      <c r="AD46" s="9" t="s">
        <v>67</v>
      </c>
      <c r="AE46" s="9" t="s">
        <v>67</v>
      </c>
      <c r="AF46" s="9" t="s">
        <v>67</v>
      </c>
      <c r="AG46" s="9" t="s">
        <v>65</v>
      </c>
      <c r="AH46" s="9" t="s">
        <v>67</v>
      </c>
      <c r="AI46" s="9" t="s">
        <v>67</v>
      </c>
      <c r="AJ46" s="9" t="s">
        <v>67</v>
      </c>
      <c r="AK46" s="9" t="s">
        <v>67</v>
      </c>
      <c r="AL46" s="9" t="s">
        <v>67</v>
      </c>
      <c r="AM46" s="9" t="s">
        <v>67</v>
      </c>
      <c r="AN46" s="9" t="s">
        <v>67</v>
      </c>
      <c r="AO46" s="9" t="s">
        <v>67</v>
      </c>
      <c r="AP46" s="9" t="s">
        <v>67</v>
      </c>
      <c r="AQ46" s="9" t="s">
        <v>67</v>
      </c>
      <c r="AR46" s="9" t="s">
        <v>1360</v>
      </c>
      <c r="AS46" s="9" t="s">
        <v>64</v>
      </c>
      <c r="AT46" s="9">
        <v>0</v>
      </c>
      <c r="AU46" s="9" t="s">
        <v>108</v>
      </c>
      <c r="AV46" s="9" t="s">
        <v>1361</v>
      </c>
      <c r="AW46" s="9" t="s">
        <v>1362</v>
      </c>
      <c r="AX46" s="9" t="s">
        <v>1362</v>
      </c>
      <c r="AY46" s="9" t="s">
        <v>1363</v>
      </c>
      <c r="AZ46" s="9" t="s">
        <v>1363</v>
      </c>
    </row>
    <row r="47" spans="1:174" s="2" customFormat="1" ht="27" customHeight="1">
      <c r="A47" s="11" t="s">
        <v>1364</v>
      </c>
      <c r="B47" s="9">
        <v>125</v>
      </c>
      <c r="C47" s="16" t="s">
        <v>180</v>
      </c>
      <c r="D47" s="9" t="s">
        <v>215</v>
      </c>
      <c r="E47" s="9" t="s">
        <v>1365</v>
      </c>
      <c r="F47" s="9" t="s">
        <v>1366</v>
      </c>
      <c r="G47" s="9" t="s">
        <v>1367</v>
      </c>
      <c r="H47" s="9" t="s">
        <v>1368</v>
      </c>
      <c r="I47" s="9" t="s">
        <v>1369</v>
      </c>
      <c r="J47" s="9">
        <v>0</v>
      </c>
      <c r="K47" s="9">
        <v>0</v>
      </c>
      <c r="L47" s="9">
        <v>0</v>
      </c>
      <c r="M47" s="9"/>
      <c r="N47" s="9" t="s">
        <v>1370</v>
      </c>
      <c r="O47" s="9" t="s">
        <v>538</v>
      </c>
      <c r="P47" s="9" t="s">
        <v>1371</v>
      </c>
      <c r="Q47" s="9" t="s">
        <v>209</v>
      </c>
      <c r="R47" s="9" t="s">
        <v>64</v>
      </c>
      <c r="S47" s="9">
        <v>0</v>
      </c>
      <c r="T47" s="9" t="s">
        <v>65</v>
      </c>
      <c r="U47" s="9" t="s">
        <v>67</v>
      </c>
      <c r="V47" s="9" t="s">
        <v>65</v>
      </c>
      <c r="W47" s="9" t="s">
        <v>67</v>
      </c>
      <c r="X47" s="9" t="s">
        <v>65</v>
      </c>
      <c r="Y47" s="9" t="s">
        <v>67</v>
      </c>
      <c r="Z47" s="9" t="s">
        <v>65</v>
      </c>
      <c r="AA47" s="9" t="s">
        <v>65</v>
      </c>
      <c r="AB47" s="9" t="s">
        <v>67</v>
      </c>
      <c r="AC47" s="9" t="s">
        <v>65</v>
      </c>
      <c r="AD47" s="9" t="s">
        <v>65</v>
      </c>
      <c r="AE47" s="9" t="s">
        <v>65</v>
      </c>
      <c r="AF47" s="9" t="s">
        <v>67</v>
      </c>
      <c r="AG47" s="9" t="s">
        <v>67</v>
      </c>
      <c r="AH47" s="9" t="s">
        <v>65</v>
      </c>
      <c r="AI47" s="9" t="s">
        <v>67</v>
      </c>
      <c r="AJ47" s="9" t="s">
        <v>65</v>
      </c>
      <c r="AK47" s="9" t="s">
        <v>65</v>
      </c>
      <c r="AL47" s="9" t="s">
        <v>67</v>
      </c>
      <c r="AM47" s="9" t="s">
        <v>65</v>
      </c>
      <c r="AN47" s="9" t="s">
        <v>65</v>
      </c>
      <c r="AO47" s="9" t="s">
        <v>65</v>
      </c>
      <c r="AP47" s="9" t="s">
        <v>67</v>
      </c>
      <c r="AQ47" s="9" t="s">
        <v>67</v>
      </c>
      <c r="AR47" s="9" t="s">
        <v>1372</v>
      </c>
      <c r="AS47" s="9" t="s">
        <v>64</v>
      </c>
      <c r="AT47" s="9" t="s">
        <v>1373</v>
      </c>
      <c r="AU47" s="9" t="s">
        <v>151</v>
      </c>
      <c r="AV47" s="9" t="s">
        <v>1374</v>
      </c>
      <c r="AW47" s="9" t="s">
        <v>453</v>
      </c>
      <c r="AX47" s="9" t="s">
        <v>1375</v>
      </c>
      <c r="AY47" s="9" t="s">
        <v>1376</v>
      </c>
      <c r="AZ47" s="9" t="s">
        <v>1377</v>
      </c>
      <c r="BA47" s="15"/>
    </row>
    <row r="48" spans="1:174" s="2" customFormat="1" ht="27" customHeight="1">
      <c r="A48" s="11">
        <v>2025</v>
      </c>
      <c r="B48" s="9">
        <v>424</v>
      </c>
      <c r="C48" s="16" t="s">
        <v>180</v>
      </c>
      <c r="D48" s="9" t="s">
        <v>215</v>
      </c>
      <c r="E48" s="9" t="s">
        <v>1342</v>
      </c>
      <c r="F48" s="9" t="s">
        <v>1378</v>
      </c>
      <c r="G48" s="9" t="s">
        <v>1379</v>
      </c>
      <c r="H48" s="9" t="s">
        <v>1380</v>
      </c>
      <c r="I48" s="9" t="s">
        <v>1381</v>
      </c>
      <c r="J48" s="9">
        <v>40</v>
      </c>
      <c r="K48" s="9">
        <v>5</v>
      </c>
      <c r="L48" s="9">
        <v>0</v>
      </c>
      <c r="M48" s="9" t="s">
        <v>196</v>
      </c>
      <c r="N48" s="9" t="s">
        <v>1382</v>
      </c>
      <c r="O48" s="9" t="s">
        <v>62</v>
      </c>
      <c r="P48" s="9" t="s">
        <v>1383</v>
      </c>
      <c r="Q48" s="9" t="s">
        <v>89</v>
      </c>
      <c r="R48" s="9" t="s">
        <v>64</v>
      </c>
      <c r="S48" s="9" t="s">
        <v>1384</v>
      </c>
      <c r="T48" s="9" t="s">
        <v>66</v>
      </c>
      <c r="U48" s="9" t="s">
        <v>66</v>
      </c>
      <c r="V48" s="9" t="s">
        <v>66</v>
      </c>
      <c r="W48" s="9" t="s">
        <v>66</v>
      </c>
      <c r="X48" s="9" t="s">
        <v>66</v>
      </c>
      <c r="Y48" s="9" t="s">
        <v>67</v>
      </c>
      <c r="Z48" s="9" t="s">
        <v>67</v>
      </c>
      <c r="AA48" s="9" t="s">
        <v>66</v>
      </c>
      <c r="AB48" s="9" t="s">
        <v>67</v>
      </c>
      <c r="AC48" s="9" t="s">
        <v>66</v>
      </c>
      <c r="AD48" s="9" t="s">
        <v>67</v>
      </c>
      <c r="AE48" s="9" t="s">
        <v>66</v>
      </c>
      <c r="AF48" s="9" t="s">
        <v>67</v>
      </c>
      <c r="AG48" s="9" t="s">
        <v>67</v>
      </c>
      <c r="AH48" s="9" t="s">
        <v>66</v>
      </c>
      <c r="AI48" s="9" t="s">
        <v>67</v>
      </c>
      <c r="AJ48" s="9" t="s">
        <v>67</v>
      </c>
      <c r="AK48" s="9" t="s">
        <v>66</v>
      </c>
      <c r="AL48" s="9" t="s">
        <v>67</v>
      </c>
      <c r="AM48" s="9" t="s">
        <v>66</v>
      </c>
      <c r="AN48" s="9" t="s">
        <v>67</v>
      </c>
      <c r="AO48" s="9" t="s">
        <v>66</v>
      </c>
      <c r="AP48" s="9" t="s">
        <v>67</v>
      </c>
      <c r="AQ48" s="9" t="s">
        <v>67</v>
      </c>
      <c r="AR48" s="9" t="s">
        <v>1385</v>
      </c>
      <c r="AS48" s="9" t="s">
        <v>64</v>
      </c>
      <c r="AT48" s="9" t="s">
        <v>1386</v>
      </c>
      <c r="AU48" s="9" t="s">
        <v>108</v>
      </c>
      <c r="AV48" s="9" t="s">
        <v>1387</v>
      </c>
      <c r="AW48" s="9" t="s">
        <v>1388</v>
      </c>
      <c r="AX48" s="9" t="s">
        <v>1388</v>
      </c>
      <c r="AY48" s="9" t="s">
        <v>1389</v>
      </c>
      <c r="AZ48" s="9" t="s">
        <v>1389</v>
      </c>
    </row>
    <row r="49" spans="1:174" s="2" customFormat="1" ht="27" customHeight="1">
      <c r="A49" s="11">
        <v>2025</v>
      </c>
      <c r="B49" s="9">
        <v>434</v>
      </c>
      <c r="C49" s="16" t="s">
        <v>180</v>
      </c>
      <c r="D49" s="9" t="s">
        <v>215</v>
      </c>
      <c r="E49" s="9" t="s">
        <v>1390</v>
      </c>
      <c r="F49" s="9" t="s">
        <v>1391</v>
      </c>
      <c r="G49" s="9" t="s">
        <v>1392</v>
      </c>
      <c r="H49" s="9" t="s">
        <v>1393</v>
      </c>
      <c r="I49" s="9" t="s">
        <v>295</v>
      </c>
      <c r="J49" s="9">
        <v>500</v>
      </c>
      <c r="K49" s="9">
        <v>5</v>
      </c>
      <c r="L49" s="9">
        <v>600</v>
      </c>
      <c r="M49" s="9" t="s">
        <v>196</v>
      </c>
      <c r="N49" s="9" t="s">
        <v>1394</v>
      </c>
      <c r="O49" s="9" t="s">
        <v>1241</v>
      </c>
      <c r="P49" s="9" t="s">
        <v>1395</v>
      </c>
      <c r="Q49" s="9" t="s">
        <v>89</v>
      </c>
      <c r="R49" s="9" t="s">
        <v>64</v>
      </c>
      <c r="S49" s="9">
        <v>0</v>
      </c>
      <c r="T49" s="9" t="s">
        <v>66</v>
      </c>
      <c r="U49" s="9" t="s">
        <v>66</v>
      </c>
      <c r="V49" s="9" t="s">
        <v>66</v>
      </c>
      <c r="W49" s="9" t="s">
        <v>66</v>
      </c>
      <c r="X49" s="9" t="s">
        <v>66</v>
      </c>
      <c r="Y49" s="9" t="s">
        <v>67</v>
      </c>
      <c r="Z49" s="9" t="s">
        <v>67</v>
      </c>
      <c r="AA49" s="9" t="s">
        <v>66</v>
      </c>
      <c r="AB49" s="9" t="s">
        <v>67</v>
      </c>
      <c r="AC49" s="9" t="s">
        <v>66</v>
      </c>
      <c r="AD49" s="9" t="s">
        <v>66</v>
      </c>
      <c r="AE49" s="9" t="s">
        <v>66</v>
      </c>
      <c r="AF49" s="9" t="s">
        <v>66</v>
      </c>
      <c r="AG49" s="9" t="s">
        <v>67</v>
      </c>
      <c r="AH49" s="9" t="s">
        <v>66</v>
      </c>
      <c r="AI49" s="9" t="s">
        <v>67</v>
      </c>
      <c r="AJ49" s="9" t="s">
        <v>67</v>
      </c>
      <c r="AK49" s="9" t="s">
        <v>66</v>
      </c>
      <c r="AL49" s="9" t="s">
        <v>67</v>
      </c>
      <c r="AM49" s="9" t="s">
        <v>66</v>
      </c>
      <c r="AN49" s="9" t="s">
        <v>66</v>
      </c>
      <c r="AO49" s="9" t="s">
        <v>66</v>
      </c>
      <c r="AP49" s="9" t="s">
        <v>66</v>
      </c>
      <c r="AQ49" s="9" t="s">
        <v>67</v>
      </c>
      <c r="AR49" s="9" t="s">
        <v>1396</v>
      </c>
      <c r="AS49" s="9" t="s">
        <v>64</v>
      </c>
      <c r="AT49" s="9" t="s">
        <v>1397</v>
      </c>
      <c r="AU49" s="9" t="s">
        <v>108</v>
      </c>
      <c r="AV49" s="9" t="s">
        <v>1398</v>
      </c>
      <c r="AW49" s="9" t="s">
        <v>1399</v>
      </c>
      <c r="AX49" s="9" t="s">
        <v>1399</v>
      </c>
      <c r="AY49" s="9" t="s">
        <v>1400</v>
      </c>
      <c r="AZ49" s="9" t="s">
        <v>1400</v>
      </c>
    </row>
    <row r="50" spans="1:174" s="2" customFormat="1" ht="27" customHeight="1">
      <c r="A50" s="18">
        <v>2023</v>
      </c>
      <c r="B50" s="13">
        <v>156</v>
      </c>
      <c r="C50" s="16" t="s">
        <v>180</v>
      </c>
      <c r="D50" s="13" t="s">
        <v>215</v>
      </c>
      <c r="E50" s="13" t="s">
        <v>1401</v>
      </c>
      <c r="F50" s="9" t="s">
        <v>1402</v>
      </c>
      <c r="G50" s="13" t="s">
        <v>1403</v>
      </c>
      <c r="H50" s="14" t="s">
        <v>1404</v>
      </c>
      <c r="I50" s="13" t="s">
        <v>1405</v>
      </c>
      <c r="J50" s="13" t="s">
        <v>134</v>
      </c>
      <c r="K50" s="13" t="s">
        <v>134</v>
      </c>
      <c r="L50" s="13" t="s">
        <v>134</v>
      </c>
      <c r="M50" s="13" t="s">
        <v>134</v>
      </c>
      <c r="N50" s="13"/>
      <c r="O50" s="13"/>
      <c r="P50" s="13" t="s">
        <v>901</v>
      </c>
      <c r="Q50" s="13" t="s">
        <v>575</v>
      </c>
      <c r="R50" s="13"/>
      <c r="S50" s="13"/>
      <c r="T50" s="13" t="s">
        <v>66</v>
      </c>
      <c r="U50" s="13" t="s">
        <v>66</v>
      </c>
      <c r="V50" s="13" t="s">
        <v>66</v>
      </c>
      <c r="W50" s="13" t="s">
        <v>66</v>
      </c>
      <c r="X50" s="13"/>
      <c r="Y50" s="13"/>
      <c r="Z50" s="13"/>
      <c r="AA50" s="13"/>
      <c r="AB50" s="13"/>
      <c r="AC50" s="13" t="s">
        <v>66</v>
      </c>
      <c r="AD50" s="13"/>
      <c r="AE50" s="13"/>
      <c r="AF50" s="13"/>
      <c r="AG50" s="13"/>
      <c r="AH50" s="13"/>
      <c r="AI50" s="13"/>
      <c r="AJ50" s="13"/>
      <c r="AK50" s="13"/>
      <c r="AL50" s="13"/>
      <c r="AM50" s="13" t="s">
        <v>66</v>
      </c>
      <c r="AN50" s="13"/>
      <c r="AO50" s="13"/>
      <c r="AP50" s="13"/>
      <c r="AQ50" s="13"/>
      <c r="AR50" s="14" t="s">
        <v>1406</v>
      </c>
      <c r="AS50" s="13" t="s">
        <v>575</v>
      </c>
      <c r="AT50" s="13" t="s">
        <v>1407</v>
      </c>
      <c r="AU50" s="25" t="s">
        <v>361</v>
      </c>
      <c r="AV50" s="13"/>
      <c r="AW50" s="13" t="s">
        <v>1408</v>
      </c>
      <c r="AX50" s="13" t="s">
        <v>453</v>
      </c>
      <c r="AY50" s="13" t="s">
        <v>1409</v>
      </c>
      <c r="AZ50" s="13" t="s">
        <v>1410</v>
      </c>
      <c r="BA50" s="15"/>
    </row>
    <row r="51" spans="1:174" s="2" customFormat="1" ht="27" customHeight="1">
      <c r="A51" s="11">
        <v>2025</v>
      </c>
      <c r="B51" s="9">
        <v>213</v>
      </c>
      <c r="C51" s="16" t="s">
        <v>180</v>
      </c>
      <c r="D51" s="9" t="s">
        <v>215</v>
      </c>
      <c r="E51" s="9" t="s">
        <v>355</v>
      </c>
      <c r="F51" s="9" t="s">
        <v>1411</v>
      </c>
      <c r="G51" s="9" t="s">
        <v>1412</v>
      </c>
      <c r="H51" s="9" t="s">
        <v>1413</v>
      </c>
      <c r="I51" s="9" t="s">
        <v>1414</v>
      </c>
      <c r="J51" s="9">
        <v>0</v>
      </c>
      <c r="K51" s="9">
        <v>0</v>
      </c>
      <c r="L51" s="9">
        <v>0</v>
      </c>
      <c r="M51" s="9"/>
      <c r="N51" s="9" t="s">
        <v>1415</v>
      </c>
      <c r="O51" s="9" t="s">
        <v>1416</v>
      </c>
      <c r="P51" s="9" t="s">
        <v>1417</v>
      </c>
      <c r="Q51" s="9" t="s">
        <v>121</v>
      </c>
      <c r="R51" s="9" t="s">
        <v>64</v>
      </c>
      <c r="S51" s="9">
        <v>0</v>
      </c>
      <c r="T51" s="9" t="s">
        <v>66</v>
      </c>
      <c r="U51" s="9" t="s">
        <v>66</v>
      </c>
      <c r="V51" s="9" t="s">
        <v>66</v>
      </c>
      <c r="W51" s="9" t="s">
        <v>66</v>
      </c>
      <c r="X51" s="9" t="s">
        <v>66</v>
      </c>
      <c r="Y51" s="9" t="s">
        <v>66</v>
      </c>
      <c r="Z51" s="9" t="s">
        <v>66</v>
      </c>
      <c r="AA51" s="9" t="s">
        <v>66</v>
      </c>
      <c r="AB51" s="9" t="s">
        <v>66</v>
      </c>
      <c r="AC51" s="9" t="s">
        <v>66</v>
      </c>
      <c r="AD51" s="9" t="s">
        <v>66</v>
      </c>
      <c r="AE51" s="9" t="s">
        <v>66</v>
      </c>
      <c r="AF51" s="9" t="s">
        <v>66</v>
      </c>
      <c r="AG51" s="9" t="s">
        <v>66</v>
      </c>
      <c r="AH51" s="9" t="s">
        <v>66</v>
      </c>
      <c r="AI51" s="9" t="s">
        <v>66</v>
      </c>
      <c r="AJ51" s="9" t="s">
        <v>66</v>
      </c>
      <c r="AK51" s="9" t="s">
        <v>66</v>
      </c>
      <c r="AL51" s="9" t="s">
        <v>66</v>
      </c>
      <c r="AM51" s="9" t="s">
        <v>66</v>
      </c>
      <c r="AN51" s="9" t="s">
        <v>66</v>
      </c>
      <c r="AO51" s="9" t="s">
        <v>66</v>
      </c>
      <c r="AP51" s="9" t="s">
        <v>66</v>
      </c>
      <c r="AQ51" s="9" t="s">
        <v>66</v>
      </c>
      <c r="AR51" s="9" t="s">
        <v>1418</v>
      </c>
      <c r="AS51" s="9" t="s">
        <v>64</v>
      </c>
      <c r="AT51" s="9">
        <v>0</v>
      </c>
      <c r="AU51" s="9" t="s">
        <v>151</v>
      </c>
      <c r="AV51" s="9" t="s">
        <v>1419</v>
      </c>
      <c r="AW51" s="9" t="s">
        <v>314</v>
      </c>
      <c r="AX51" s="9" t="s">
        <v>1420</v>
      </c>
      <c r="AY51" s="9" t="s">
        <v>1421</v>
      </c>
      <c r="AZ51" s="9" t="s">
        <v>1422</v>
      </c>
    </row>
    <row r="52" spans="1:174" s="2" customFormat="1" ht="27" customHeight="1">
      <c r="A52" s="11">
        <v>2025</v>
      </c>
      <c r="B52" s="9">
        <v>144</v>
      </c>
      <c r="C52" s="16" t="s">
        <v>180</v>
      </c>
      <c r="D52" s="9" t="s">
        <v>215</v>
      </c>
      <c r="E52" s="9" t="s">
        <v>1423</v>
      </c>
      <c r="F52" s="9" t="s">
        <v>1424</v>
      </c>
      <c r="G52" s="9" t="s">
        <v>1425</v>
      </c>
      <c r="H52" s="9" t="s">
        <v>1426</v>
      </c>
      <c r="I52" s="9" t="s">
        <v>1427</v>
      </c>
      <c r="J52" s="9">
        <v>46</v>
      </c>
      <c r="K52" s="9">
        <v>5.5</v>
      </c>
      <c r="L52" s="9">
        <v>605</v>
      </c>
      <c r="M52" s="9" t="s">
        <v>102</v>
      </c>
      <c r="N52" s="9" t="s">
        <v>1428</v>
      </c>
      <c r="O52" s="9" t="s">
        <v>222</v>
      </c>
      <c r="P52" s="9" t="s">
        <v>1429</v>
      </c>
      <c r="Q52" s="9" t="s">
        <v>89</v>
      </c>
      <c r="R52" s="9" t="s">
        <v>64</v>
      </c>
      <c r="S52" s="9">
        <v>0</v>
      </c>
      <c r="T52" s="9" t="s">
        <v>66</v>
      </c>
      <c r="U52" s="9" t="s">
        <v>66</v>
      </c>
      <c r="V52" s="9" t="s">
        <v>66</v>
      </c>
      <c r="W52" s="9" t="s">
        <v>66</v>
      </c>
      <c r="X52" s="9" t="s">
        <v>66</v>
      </c>
      <c r="Y52" s="9" t="s">
        <v>66</v>
      </c>
      <c r="Z52" s="9" t="s">
        <v>67</v>
      </c>
      <c r="AA52" s="9" t="s">
        <v>66</v>
      </c>
      <c r="AB52" s="9" t="s">
        <v>66</v>
      </c>
      <c r="AC52" s="9" t="s">
        <v>66</v>
      </c>
      <c r="AD52" s="9" t="s">
        <v>66</v>
      </c>
      <c r="AE52" s="9" t="s">
        <v>66</v>
      </c>
      <c r="AF52" s="9" t="s">
        <v>67</v>
      </c>
      <c r="AG52" s="9" t="s">
        <v>67</v>
      </c>
      <c r="AH52" s="9" t="s">
        <v>66</v>
      </c>
      <c r="AI52" s="9" t="s">
        <v>66</v>
      </c>
      <c r="AJ52" s="9" t="s">
        <v>67</v>
      </c>
      <c r="AK52" s="9" t="s">
        <v>66</v>
      </c>
      <c r="AL52" s="9" t="s">
        <v>66</v>
      </c>
      <c r="AM52" s="9" t="s">
        <v>66</v>
      </c>
      <c r="AN52" s="9" t="s">
        <v>66</v>
      </c>
      <c r="AO52" s="9" t="s">
        <v>66</v>
      </c>
      <c r="AP52" s="9" t="s">
        <v>67</v>
      </c>
      <c r="AQ52" s="9" t="s">
        <v>67</v>
      </c>
      <c r="AR52" s="9" t="s">
        <v>1430</v>
      </c>
      <c r="AS52" s="9" t="s">
        <v>64</v>
      </c>
      <c r="AT52" s="9">
        <v>0</v>
      </c>
      <c r="AU52" s="9" t="s">
        <v>151</v>
      </c>
      <c r="AV52" s="9" t="s">
        <v>1431</v>
      </c>
      <c r="AW52" s="9" t="s">
        <v>1281</v>
      </c>
      <c r="AX52" s="9" t="s">
        <v>1400</v>
      </c>
      <c r="AY52" s="9" t="s">
        <v>1432</v>
      </c>
      <c r="AZ52" s="9" t="s">
        <v>1410</v>
      </c>
    </row>
    <row r="53" spans="1:174" s="2" customFormat="1" ht="27" customHeight="1">
      <c r="A53" s="11" t="s">
        <v>1364</v>
      </c>
      <c r="B53" s="9">
        <v>232</v>
      </c>
      <c r="C53" s="16" t="s">
        <v>180</v>
      </c>
      <c r="D53" s="9" t="s">
        <v>215</v>
      </c>
      <c r="E53" s="9" t="s">
        <v>1816</v>
      </c>
      <c r="F53" s="9" t="s">
        <v>1343</v>
      </c>
      <c r="G53" s="9" t="s">
        <v>1344</v>
      </c>
      <c r="H53" s="9" t="s">
        <v>1345</v>
      </c>
      <c r="I53" s="9" t="s">
        <v>1817</v>
      </c>
      <c r="J53" s="9">
        <v>700</v>
      </c>
      <c r="K53" s="9">
        <v>6</v>
      </c>
      <c r="L53" s="9">
        <v>700</v>
      </c>
      <c r="M53" s="9"/>
      <c r="N53" s="9" t="s">
        <v>1818</v>
      </c>
      <c r="O53" s="9" t="s">
        <v>538</v>
      </c>
      <c r="P53" s="9" t="s">
        <v>1819</v>
      </c>
      <c r="Q53" s="9" t="s">
        <v>1780</v>
      </c>
      <c r="R53" s="9" t="s">
        <v>64</v>
      </c>
      <c r="S53" s="9" t="s">
        <v>1820</v>
      </c>
      <c r="T53" s="9" t="s">
        <v>65</v>
      </c>
      <c r="U53" s="9" t="s">
        <v>67</v>
      </c>
      <c r="V53" s="9" t="s">
        <v>67</v>
      </c>
      <c r="W53" s="9" t="s">
        <v>67</v>
      </c>
      <c r="X53" s="9" t="s">
        <v>65</v>
      </c>
      <c r="Y53" s="9" t="s">
        <v>65</v>
      </c>
      <c r="Z53" s="9" t="s">
        <v>65</v>
      </c>
      <c r="AA53" s="9" t="s">
        <v>65</v>
      </c>
      <c r="AB53" s="9" t="s">
        <v>65</v>
      </c>
      <c r="AC53" s="9" t="s">
        <v>65</v>
      </c>
      <c r="AD53" s="9" t="s">
        <v>65</v>
      </c>
      <c r="AE53" s="9" t="s">
        <v>65</v>
      </c>
      <c r="AF53" s="9" t="s">
        <v>65</v>
      </c>
      <c r="AG53" s="9" t="s">
        <v>67</v>
      </c>
      <c r="AH53" s="9" t="s">
        <v>67</v>
      </c>
      <c r="AI53" s="9" t="s">
        <v>67</v>
      </c>
      <c r="AJ53" s="9" t="s">
        <v>67</v>
      </c>
      <c r="AK53" s="9" t="s">
        <v>67</v>
      </c>
      <c r="AL53" s="9" t="s">
        <v>67</v>
      </c>
      <c r="AM53" s="9" t="s">
        <v>67</v>
      </c>
      <c r="AN53" s="9" t="s">
        <v>67</v>
      </c>
      <c r="AO53" s="9" t="s">
        <v>67</v>
      </c>
      <c r="AP53" s="9" t="s">
        <v>67</v>
      </c>
      <c r="AQ53" s="9" t="s">
        <v>67</v>
      </c>
      <c r="AR53" s="9" t="s">
        <v>134</v>
      </c>
      <c r="AS53" s="9" t="s">
        <v>64</v>
      </c>
      <c r="AT53" s="9" t="s">
        <v>1821</v>
      </c>
      <c r="AU53" s="9" t="s">
        <v>162</v>
      </c>
      <c r="AV53" s="9" t="s">
        <v>1822</v>
      </c>
      <c r="AW53" s="25">
        <v>45961</v>
      </c>
      <c r="AX53" s="25">
        <v>45961</v>
      </c>
      <c r="AY53" s="25">
        <v>45808</v>
      </c>
      <c r="AZ53" s="25">
        <v>45808</v>
      </c>
    </row>
    <row r="54" spans="1:174" s="2" customFormat="1" ht="27" customHeight="1">
      <c r="A54" s="18" t="s">
        <v>1364</v>
      </c>
      <c r="B54" s="13">
        <v>188</v>
      </c>
      <c r="C54" s="16" t="s">
        <v>180</v>
      </c>
      <c r="D54" s="13" t="s">
        <v>215</v>
      </c>
      <c r="E54" s="13" t="s">
        <v>1342</v>
      </c>
      <c r="F54" s="9" t="s">
        <v>1823</v>
      </c>
      <c r="G54" s="13" t="s">
        <v>1824</v>
      </c>
      <c r="H54" s="14" t="s">
        <v>1825</v>
      </c>
      <c r="I54" s="13" t="s">
        <v>1826</v>
      </c>
      <c r="J54" s="13">
        <v>0</v>
      </c>
      <c r="K54" s="13">
        <v>0</v>
      </c>
      <c r="L54" s="13">
        <v>0</v>
      </c>
      <c r="M54" s="13"/>
      <c r="N54" s="13" t="s">
        <v>1827</v>
      </c>
      <c r="O54" s="13" t="s">
        <v>269</v>
      </c>
      <c r="P54" s="13" t="s">
        <v>812</v>
      </c>
      <c r="Q54" s="13" t="s">
        <v>1794</v>
      </c>
      <c r="R54" s="13" t="s">
        <v>64</v>
      </c>
      <c r="S54" s="13">
        <v>0</v>
      </c>
      <c r="T54" s="13" t="s">
        <v>65</v>
      </c>
      <c r="U54" s="13" t="s">
        <v>65</v>
      </c>
      <c r="V54" s="13" t="s">
        <v>65</v>
      </c>
      <c r="W54" s="13" t="s">
        <v>65</v>
      </c>
      <c r="X54" s="13" t="s">
        <v>65</v>
      </c>
      <c r="Y54" s="13" t="s">
        <v>65</v>
      </c>
      <c r="Z54" s="13" t="s">
        <v>65</v>
      </c>
      <c r="AA54" s="13" t="s">
        <v>65</v>
      </c>
      <c r="AB54" s="13" t="s">
        <v>65</v>
      </c>
      <c r="AC54" s="13" t="s">
        <v>65</v>
      </c>
      <c r="AD54" s="13" t="s">
        <v>65</v>
      </c>
      <c r="AE54" s="13" t="s">
        <v>65</v>
      </c>
      <c r="AF54" s="13" t="s">
        <v>65</v>
      </c>
      <c r="AG54" s="13" t="s">
        <v>65</v>
      </c>
      <c r="AH54" s="13" t="s">
        <v>65</v>
      </c>
      <c r="AI54" s="13" t="s">
        <v>65</v>
      </c>
      <c r="AJ54" s="13" t="s">
        <v>65</v>
      </c>
      <c r="AK54" s="13" t="s">
        <v>65</v>
      </c>
      <c r="AL54" s="13" t="s">
        <v>65</v>
      </c>
      <c r="AM54" s="13" t="s">
        <v>65</v>
      </c>
      <c r="AN54" s="13" t="s">
        <v>65</v>
      </c>
      <c r="AO54" s="13" t="s">
        <v>65</v>
      </c>
      <c r="AP54" s="13" t="s">
        <v>65</v>
      </c>
      <c r="AQ54" s="13" t="s">
        <v>67</v>
      </c>
      <c r="AR54" s="14" t="s">
        <v>1828</v>
      </c>
      <c r="AS54" s="62" t="s">
        <v>64</v>
      </c>
      <c r="AT54" s="13" t="s">
        <v>1829</v>
      </c>
      <c r="AU54" s="13" t="s">
        <v>1796</v>
      </c>
      <c r="AV54" s="14" t="s">
        <v>1830</v>
      </c>
      <c r="AW54" s="25">
        <v>46016</v>
      </c>
      <c r="AX54" s="13" t="s">
        <v>1831</v>
      </c>
      <c r="AY54" s="13" t="s">
        <v>113</v>
      </c>
      <c r="AZ54" s="13" t="s">
        <v>1376</v>
      </c>
      <c r="BA54" s="15"/>
    </row>
    <row r="55" spans="1:174" s="30" customFormat="1" ht="24.95" customHeight="1">
      <c r="A55" s="18">
        <v>2025</v>
      </c>
      <c r="B55" s="13">
        <v>715</v>
      </c>
      <c r="C55" s="16" t="s">
        <v>180</v>
      </c>
      <c r="D55" s="13" t="s">
        <v>215</v>
      </c>
      <c r="E55" s="13" t="s">
        <v>1832</v>
      </c>
      <c r="F55" s="9" t="s">
        <v>1833</v>
      </c>
      <c r="G55" s="13" t="s">
        <v>1834</v>
      </c>
      <c r="H55" s="14" t="s">
        <v>1835</v>
      </c>
      <c r="I55" s="13" t="s">
        <v>1836</v>
      </c>
      <c r="J55" s="13">
        <v>0</v>
      </c>
      <c r="K55" s="13">
        <v>0</v>
      </c>
      <c r="L55" s="13">
        <v>0</v>
      </c>
      <c r="M55" s="13"/>
      <c r="N55" s="13" t="s">
        <v>1837</v>
      </c>
      <c r="O55" s="13" t="s">
        <v>1838</v>
      </c>
      <c r="P55" s="13" t="s">
        <v>1839</v>
      </c>
      <c r="Q55" s="13" t="s">
        <v>1840</v>
      </c>
      <c r="R55" s="13" t="s">
        <v>64</v>
      </c>
      <c r="S55" s="13" t="s">
        <v>1838</v>
      </c>
      <c r="T55" s="13" t="s">
        <v>65</v>
      </c>
      <c r="U55" s="13" t="s">
        <v>65</v>
      </c>
      <c r="V55" s="13" t="s">
        <v>67</v>
      </c>
      <c r="W55" s="13" t="s">
        <v>67</v>
      </c>
      <c r="X55" s="13" t="s">
        <v>65</v>
      </c>
      <c r="Y55" s="13" t="s">
        <v>65</v>
      </c>
      <c r="Z55" s="13" t="s">
        <v>65</v>
      </c>
      <c r="AA55" s="13" t="s">
        <v>65</v>
      </c>
      <c r="AB55" s="13" t="s">
        <v>65</v>
      </c>
      <c r="AC55" s="13" t="s">
        <v>65</v>
      </c>
      <c r="AD55" s="13" t="s">
        <v>65</v>
      </c>
      <c r="AE55" s="13" t="s">
        <v>65</v>
      </c>
      <c r="AF55" s="13" t="s">
        <v>65</v>
      </c>
      <c r="AG55" s="13" t="s">
        <v>65</v>
      </c>
      <c r="AH55" s="13" t="s">
        <v>65</v>
      </c>
      <c r="AI55" s="13" t="s">
        <v>65</v>
      </c>
      <c r="AJ55" s="13" t="s">
        <v>65</v>
      </c>
      <c r="AK55" s="13" t="s">
        <v>65</v>
      </c>
      <c r="AL55" s="13" t="s">
        <v>65</v>
      </c>
      <c r="AM55" s="13" t="s">
        <v>65</v>
      </c>
      <c r="AN55" s="13" t="s">
        <v>65</v>
      </c>
      <c r="AO55" s="13" t="s">
        <v>65</v>
      </c>
      <c r="AP55" s="13" t="s">
        <v>65</v>
      </c>
      <c r="AQ55" s="13" t="s">
        <v>65</v>
      </c>
      <c r="AR55" s="14" t="s">
        <v>1841</v>
      </c>
      <c r="AS55" s="13" t="s">
        <v>64</v>
      </c>
      <c r="AT55" s="13" t="s">
        <v>1842</v>
      </c>
      <c r="AU55" s="13" t="s">
        <v>1811</v>
      </c>
      <c r="AV55" s="13" t="s">
        <v>1843</v>
      </c>
      <c r="AW55" s="13" t="s">
        <v>1844</v>
      </c>
      <c r="AX55" s="13" t="s">
        <v>1845</v>
      </c>
      <c r="AY55" s="13" t="s">
        <v>1846</v>
      </c>
      <c r="AZ55" s="13" t="s">
        <v>1847</v>
      </c>
      <c r="BA55" s="15"/>
      <c r="BB55" s="2"/>
      <c r="BC55" s="2"/>
      <c r="BD55" s="2"/>
      <c r="BE55" s="2"/>
      <c r="BF55" s="2"/>
      <c r="BG55" s="2"/>
      <c r="BH55" s="2"/>
      <c r="BI55" s="2"/>
      <c r="BJ55" s="2"/>
      <c r="BK55" s="2"/>
      <c r="BL55" s="2"/>
      <c r="BM55" s="2"/>
      <c r="BN55" s="2"/>
      <c r="BO55" s="2"/>
      <c r="BP55" s="2"/>
      <c r="BQ55" s="2"/>
      <c r="BR55" s="2"/>
      <c r="BS55" s="2"/>
      <c r="BT55" s="2"/>
      <c r="BU55" s="2"/>
      <c r="BV55" s="2"/>
      <c r="BW55" s="2"/>
      <c r="BX55" s="2"/>
      <c r="BY55" s="2"/>
      <c r="BZ55" s="2"/>
      <c r="CA55" s="2"/>
      <c r="CB55" s="2"/>
      <c r="CC55" s="2"/>
      <c r="CD55" s="2"/>
      <c r="CE55" s="2"/>
      <c r="CF55" s="2"/>
      <c r="CG55" s="2"/>
      <c r="CH55" s="2"/>
      <c r="CI55" s="2"/>
      <c r="CJ55" s="2"/>
      <c r="CK55" s="2"/>
      <c r="CL55" s="2"/>
      <c r="CM55" s="2"/>
      <c r="CN55" s="2"/>
      <c r="CO55" s="2"/>
      <c r="CP55" s="2"/>
      <c r="CQ55" s="2"/>
      <c r="CR55" s="2"/>
      <c r="CS55" s="2"/>
      <c r="CT55" s="2"/>
      <c r="CU55" s="2"/>
      <c r="CV55" s="2"/>
      <c r="CW55" s="2"/>
      <c r="CX55" s="2"/>
      <c r="CY55" s="2"/>
      <c r="CZ55" s="2"/>
      <c r="DA55" s="2"/>
      <c r="DB55" s="2"/>
      <c r="DC55" s="2"/>
      <c r="DD55" s="2"/>
      <c r="DE55" s="2"/>
      <c r="DF55" s="2"/>
      <c r="DG55" s="2"/>
      <c r="DH55" s="2"/>
      <c r="DI55" s="2"/>
      <c r="DJ55" s="2"/>
      <c r="DK55" s="2"/>
      <c r="DL55" s="2"/>
      <c r="DM55" s="2"/>
      <c r="DN55" s="2"/>
      <c r="DO55" s="2"/>
      <c r="DP55" s="2"/>
      <c r="DQ55" s="2"/>
      <c r="DR55" s="2"/>
      <c r="DS55" s="2"/>
      <c r="DT55" s="2"/>
      <c r="DU55" s="2"/>
      <c r="DV55" s="2"/>
      <c r="DW55" s="2"/>
      <c r="DX55" s="2"/>
      <c r="DY55" s="2"/>
      <c r="DZ55" s="2"/>
      <c r="EA55" s="2"/>
      <c r="EB55" s="2"/>
      <c r="EC55" s="2"/>
      <c r="ED55" s="2"/>
      <c r="EE55" s="2"/>
      <c r="EF55" s="2"/>
      <c r="EG55" s="2"/>
      <c r="EH55" s="2"/>
      <c r="EI55" s="2"/>
      <c r="EJ55" s="2"/>
      <c r="EK55" s="2"/>
      <c r="EL55" s="2"/>
      <c r="EM55" s="2"/>
      <c r="EN55" s="2"/>
      <c r="EO55" s="2"/>
      <c r="EP55" s="2"/>
      <c r="EQ55" s="2"/>
      <c r="ER55" s="2"/>
      <c r="ES55" s="2"/>
      <c r="ET55" s="2"/>
      <c r="EU55" s="2"/>
      <c r="EV55" s="2"/>
      <c r="EW55" s="2"/>
      <c r="EX55" s="2"/>
      <c r="EY55" s="2"/>
      <c r="EZ55" s="2"/>
      <c r="FA55" s="2"/>
      <c r="FB55" s="2"/>
      <c r="FC55" s="2"/>
      <c r="FD55" s="2"/>
      <c r="FE55" s="2"/>
      <c r="FF55" s="2"/>
      <c r="FG55" s="2"/>
      <c r="FH55" s="2"/>
      <c r="FI55" s="2"/>
      <c r="FJ55" s="2"/>
      <c r="FK55" s="2"/>
      <c r="FL55" s="2"/>
      <c r="FM55" s="2"/>
      <c r="FN55" s="2"/>
      <c r="FO55" s="2"/>
      <c r="FP55" s="2"/>
      <c r="FQ55" s="2"/>
      <c r="FR55" s="2"/>
    </row>
    <row r="56" spans="1:174" s="2" customFormat="1" ht="27" customHeight="1">
      <c r="A56" s="11" t="s">
        <v>1364</v>
      </c>
      <c r="B56" s="9">
        <v>424</v>
      </c>
      <c r="C56" s="16" t="s">
        <v>180</v>
      </c>
      <c r="D56" s="9" t="s">
        <v>215</v>
      </c>
      <c r="E56" s="9" t="s">
        <v>1848</v>
      </c>
      <c r="F56" s="9" t="s">
        <v>1378</v>
      </c>
      <c r="G56" s="9" t="s">
        <v>1379</v>
      </c>
      <c r="H56" s="9" t="s">
        <v>1849</v>
      </c>
      <c r="I56" s="9" t="s">
        <v>1850</v>
      </c>
      <c r="J56" s="9">
        <v>0</v>
      </c>
      <c r="K56" s="9">
        <v>0</v>
      </c>
      <c r="L56" s="9">
        <v>0</v>
      </c>
      <c r="M56" s="9"/>
      <c r="N56" s="9" t="s">
        <v>1851</v>
      </c>
      <c r="O56" s="9" t="s">
        <v>1852</v>
      </c>
      <c r="P56" s="9" t="s">
        <v>1853</v>
      </c>
      <c r="Q56" s="9" t="s">
        <v>1840</v>
      </c>
      <c r="R56" s="9" t="s">
        <v>64</v>
      </c>
      <c r="S56" s="9" t="s">
        <v>1854</v>
      </c>
      <c r="T56" s="9" t="s">
        <v>65</v>
      </c>
      <c r="U56" s="9" t="s">
        <v>65</v>
      </c>
      <c r="V56" s="9" t="s">
        <v>65</v>
      </c>
      <c r="W56" s="9" t="s">
        <v>65</v>
      </c>
      <c r="X56" s="9" t="s">
        <v>65</v>
      </c>
      <c r="Y56" s="9" t="s">
        <v>65</v>
      </c>
      <c r="Z56" s="9" t="s">
        <v>67</v>
      </c>
      <c r="AA56" s="9" t="s">
        <v>65</v>
      </c>
      <c r="AB56" s="9" t="s">
        <v>65</v>
      </c>
      <c r="AC56" s="9" t="s">
        <v>65</v>
      </c>
      <c r="AD56" s="9" t="s">
        <v>67</v>
      </c>
      <c r="AE56" s="9" t="s">
        <v>65</v>
      </c>
      <c r="AF56" s="9" t="s">
        <v>67</v>
      </c>
      <c r="AG56" s="9" t="s">
        <v>65</v>
      </c>
      <c r="AH56" s="9" t="s">
        <v>65</v>
      </c>
      <c r="AI56" s="9" t="s">
        <v>65</v>
      </c>
      <c r="AJ56" s="9" t="s">
        <v>67</v>
      </c>
      <c r="AK56" s="9" t="s">
        <v>65</v>
      </c>
      <c r="AL56" s="9" t="s">
        <v>65</v>
      </c>
      <c r="AM56" s="9" t="s">
        <v>65</v>
      </c>
      <c r="AN56" s="9" t="s">
        <v>67</v>
      </c>
      <c r="AO56" s="9" t="s">
        <v>65</v>
      </c>
      <c r="AP56" s="9" t="s">
        <v>67</v>
      </c>
      <c r="AQ56" s="9" t="s">
        <v>67</v>
      </c>
      <c r="AR56" s="9" t="s">
        <v>1855</v>
      </c>
      <c r="AS56" s="9" t="s">
        <v>64</v>
      </c>
      <c r="AT56" s="9" t="s">
        <v>1856</v>
      </c>
      <c r="AU56" s="9" t="s">
        <v>108</v>
      </c>
      <c r="AV56" s="9" t="s">
        <v>1857</v>
      </c>
      <c r="AW56" s="9" t="s">
        <v>453</v>
      </c>
      <c r="AX56" s="9" t="s">
        <v>453</v>
      </c>
      <c r="AY56" s="9" t="s">
        <v>387</v>
      </c>
      <c r="AZ56" s="9" t="s">
        <v>387</v>
      </c>
    </row>
    <row r="57" spans="1:174" s="2" customFormat="1" ht="27" customHeight="1">
      <c r="A57" s="11">
        <v>2025</v>
      </c>
      <c r="B57" s="9">
        <v>126</v>
      </c>
      <c r="C57" s="16" t="s">
        <v>180</v>
      </c>
      <c r="D57" s="9" t="s">
        <v>1007</v>
      </c>
      <c r="E57" s="9" t="s">
        <v>1008</v>
      </c>
      <c r="F57" s="9" t="s">
        <v>1009</v>
      </c>
      <c r="G57" s="9" t="s">
        <v>1010</v>
      </c>
      <c r="H57" s="9" t="s">
        <v>322</v>
      </c>
      <c r="I57" s="9" t="s">
        <v>1011</v>
      </c>
      <c r="J57" s="9">
        <v>0</v>
      </c>
      <c r="K57" s="9">
        <v>0</v>
      </c>
      <c r="L57" s="9">
        <v>0</v>
      </c>
      <c r="M57" s="9"/>
      <c r="N57" s="9" t="s">
        <v>1012</v>
      </c>
      <c r="O57" s="9" t="s">
        <v>1013</v>
      </c>
      <c r="P57" s="9" t="s">
        <v>1014</v>
      </c>
      <c r="Q57" s="9" t="s">
        <v>121</v>
      </c>
      <c r="R57" s="9" t="s">
        <v>90</v>
      </c>
      <c r="S57" s="9">
        <v>0</v>
      </c>
      <c r="T57" s="9" t="s">
        <v>66</v>
      </c>
      <c r="U57" s="9" t="s">
        <v>66</v>
      </c>
      <c r="V57" s="9" t="s">
        <v>66</v>
      </c>
      <c r="W57" s="9" t="s">
        <v>67</v>
      </c>
      <c r="X57" s="9" t="s">
        <v>67</v>
      </c>
      <c r="Y57" s="9" t="s">
        <v>67</v>
      </c>
      <c r="Z57" s="9" t="s">
        <v>67</v>
      </c>
      <c r="AA57" s="9" t="s">
        <v>67</v>
      </c>
      <c r="AB57" s="9" t="s">
        <v>67</v>
      </c>
      <c r="AC57" s="9" t="s">
        <v>67</v>
      </c>
      <c r="AD57" s="9" t="s">
        <v>67</v>
      </c>
      <c r="AE57" s="9" t="s">
        <v>67</v>
      </c>
      <c r="AF57" s="9" t="s">
        <v>67</v>
      </c>
      <c r="AG57" s="9" t="s">
        <v>67</v>
      </c>
      <c r="AH57" s="9" t="s">
        <v>67</v>
      </c>
      <c r="AI57" s="9" t="s">
        <v>67</v>
      </c>
      <c r="AJ57" s="9" t="s">
        <v>67</v>
      </c>
      <c r="AK57" s="9" t="s">
        <v>67</v>
      </c>
      <c r="AL57" s="9" t="s">
        <v>67</v>
      </c>
      <c r="AM57" s="9" t="s">
        <v>67</v>
      </c>
      <c r="AN57" s="9" t="s">
        <v>67</v>
      </c>
      <c r="AO57" s="9" t="s">
        <v>67</v>
      </c>
      <c r="AP57" s="9" t="s">
        <v>67</v>
      </c>
      <c r="AQ57" s="9" t="s">
        <v>67</v>
      </c>
      <c r="AR57" s="9" t="s">
        <v>1015</v>
      </c>
      <c r="AS57" s="9" t="s">
        <v>64</v>
      </c>
      <c r="AT57" s="9" t="s">
        <v>1016</v>
      </c>
      <c r="AU57" s="9" t="s">
        <v>151</v>
      </c>
      <c r="AV57" s="9" t="s">
        <v>1017</v>
      </c>
      <c r="AW57" s="9" t="s">
        <v>1018</v>
      </c>
      <c r="AX57" s="9" t="s">
        <v>1019</v>
      </c>
      <c r="AY57" s="9" t="s">
        <v>387</v>
      </c>
      <c r="AZ57" s="9" t="s">
        <v>1020</v>
      </c>
    </row>
    <row r="58" spans="1:174" s="2" customFormat="1" ht="27" customHeight="1">
      <c r="A58" s="11">
        <v>2025</v>
      </c>
      <c r="B58" s="9">
        <v>258</v>
      </c>
      <c r="C58" s="16" t="s">
        <v>180</v>
      </c>
      <c r="D58" s="9" t="s">
        <v>443</v>
      </c>
      <c r="E58" s="9" t="s">
        <v>444</v>
      </c>
      <c r="F58" s="9" t="s">
        <v>445</v>
      </c>
      <c r="G58" s="9" t="s">
        <v>446</v>
      </c>
      <c r="H58" s="9" t="s">
        <v>447</v>
      </c>
      <c r="I58" s="9" t="s">
        <v>448</v>
      </c>
      <c r="J58" s="9">
        <v>0</v>
      </c>
      <c r="K58" s="9">
        <v>0</v>
      </c>
      <c r="L58" s="9">
        <v>0</v>
      </c>
      <c r="M58" s="9"/>
      <c r="N58" s="9" t="s">
        <v>449</v>
      </c>
      <c r="O58" s="9" t="s">
        <v>450</v>
      </c>
      <c r="P58" s="9" t="s">
        <v>323</v>
      </c>
      <c r="Q58" s="9" t="s">
        <v>310</v>
      </c>
      <c r="R58" s="9" t="s">
        <v>64</v>
      </c>
      <c r="S58" s="9" t="s">
        <v>451</v>
      </c>
      <c r="T58" s="9" t="s">
        <v>67</v>
      </c>
      <c r="U58" s="9" t="s">
        <v>67</v>
      </c>
      <c r="V58" s="9" t="s">
        <v>65</v>
      </c>
      <c r="W58" s="9" t="s">
        <v>65</v>
      </c>
      <c r="X58" s="9" t="s">
        <v>67</v>
      </c>
      <c r="Y58" s="9" t="s">
        <v>67</v>
      </c>
      <c r="Z58" s="9" t="s">
        <v>67</v>
      </c>
      <c r="AA58" s="9" t="s">
        <v>67</v>
      </c>
      <c r="AB58" s="9" t="s">
        <v>67</v>
      </c>
      <c r="AC58" s="9" t="s">
        <v>67</v>
      </c>
      <c r="AD58" s="9" t="s">
        <v>67</v>
      </c>
      <c r="AE58" s="9" t="s">
        <v>67</v>
      </c>
      <c r="AF58" s="9" t="s">
        <v>67</v>
      </c>
      <c r="AG58" s="9" t="s">
        <v>67</v>
      </c>
      <c r="AH58" s="9" t="s">
        <v>67</v>
      </c>
      <c r="AI58" s="9" t="s">
        <v>67</v>
      </c>
      <c r="AJ58" s="9" t="s">
        <v>67</v>
      </c>
      <c r="AK58" s="9" t="s">
        <v>67</v>
      </c>
      <c r="AL58" s="9" t="s">
        <v>67</v>
      </c>
      <c r="AM58" s="9" t="s">
        <v>65</v>
      </c>
      <c r="AN58" s="9" t="s">
        <v>67</v>
      </c>
      <c r="AO58" s="9" t="s">
        <v>67</v>
      </c>
      <c r="AP58" s="9" t="s">
        <v>67</v>
      </c>
      <c r="AQ58" s="9" t="s">
        <v>67</v>
      </c>
      <c r="AR58" s="9" t="s">
        <v>447</v>
      </c>
      <c r="AS58" s="9" t="s">
        <v>64</v>
      </c>
      <c r="AT58" s="9">
        <v>0</v>
      </c>
      <c r="AU58" s="9" t="s">
        <v>108</v>
      </c>
      <c r="AV58" s="9" t="s">
        <v>452</v>
      </c>
      <c r="AW58" s="9" t="s">
        <v>453</v>
      </c>
      <c r="AX58" s="9" t="s">
        <v>453</v>
      </c>
      <c r="AY58" s="9" t="s">
        <v>387</v>
      </c>
      <c r="AZ58" s="9" t="s">
        <v>387</v>
      </c>
    </row>
    <row r="59" spans="1:174" s="2" customFormat="1" ht="27" customHeight="1">
      <c r="A59" s="11">
        <v>2025</v>
      </c>
      <c r="B59" s="9">
        <v>237</v>
      </c>
      <c r="C59" s="16" t="s">
        <v>180</v>
      </c>
      <c r="D59" s="9" t="s">
        <v>443</v>
      </c>
      <c r="E59" s="9" t="s">
        <v>850</v>
      </c>
      <c r="F59" s="9" t="s">
        <v>851</v>
      </c>
      <c r="G59" s="9" t="s">
        <v>852</v>
      </c>
      <c r="H59" s="9" t="s">
        <v>853</v>
      </c>
      <c r="I59" s="9" t="s">
        <v>854</v>
      </c>
      <c r="J59" s="9">
        <v>0</v>
      </c>
      <c r="K59" s="9">
        <v>0</v>
      </c>
      <c r="L59" s="9">
        <v>0</v>
      </c>
      <c r="M59" s="9"/>
      <c r="N59" s="9" t="s">
        <v>285</v>
      </c>
      <c r="O59" s="9" t="s">
        <v>855</v>
      </c>
      <c r="P59" s="9" t="s">
        <v>62</v>
      </c>
      <c r="Q59" s="9" t="s">
        <v>121</v>
      </c>
      <c r="R59" s="9" t="s">
        <v>64</v>
      </c>
      <c r="S59" s="9">
        <v>0</v>
      </c>
      <c r="T59" s="9" t="s">
        <v>66</v>
      </c>
      <c r="U59" s="9" t="s">
        <v>67</v>
      </c>
      <c r="V59" s="9" t="s">
        <v>67</v>
      </c>
      <c r="W59" s="9" t="s">
        <v>67</v>
      </c>
      <c r="X59" s="9" t="s">
        <v>67</v>
      </c>
      <c r="Y59" s="9" t="s">
        <v>67</v>
      </c>
      <c r="Z59" s="9" t="s">
        <v>67</v>
      </c>
      <c r="AA59" s="9" t="s">
        <v>66</v>
      </c>
      <c r="AB59" s="9" t="s">
        <v>67</v>
      </c>
      <c r="AC59" s="9" t="s">
        <v>66</v>
      </c>
      <c r="AD59" s="9" t="s">
        <v>67</v>
      </c>
      <c r="AE59" s="9" t="s">
        <v>67</v>
      </c>
      <c r="AF59" s="9" t="s">
        <v>67</v>
      </c>
      <c r="AG59" s="9" t="s">
        <v>67</v>
      </c>
      <c r="AH59" s="9" t="s">
        <v>67</v>
      </c>
      <c r="AI59" s="9" t="s">
        <v>67</v>
      </c>
      <c r="AJ59" s="9" t="s">
        <v>67</v>
      </c>
      <c r="AK59" s="9" t="s">
        <v>67</v>
      </c>
      <c r="AL59" s="9" t="s">
        <v>67</v>
      </c>
      <c r="AM59" s="9" t="s">
        <v>67</v>
      </c>
      <c r="AN59" s="9" t="s">
        <v>67</v>
      </c>
      <c r="AO59" s="9" t="s">
        <v>67</v>
      </c>
      <c r="AP59" s="9" t="s">
        <v>67</v>
      </c>
      <c r="AQ59" s="9" t="s">
        <v>67</v>
      </c>
      <c r="AR59" s="9" t="s">
        <v>856</v>
      </c>
      <c r="AS59" s="9" t="s">
        <v>64</v>
      </c>
      <c r="AT59" s="9">
        <v>0</v>
      </c>
      <c r="AU59" s="9" t="s">
        <v>151</v>
      </c>
      <c r="AV59" s="9" t="s">
        <v>857</v>
      </c>
      <c r="AW59" s="9" t="s">
        <v>655</v>
      </c>
      <c r="AX59" s="9" t="s">
        <v>655</v>
      </c>
      <c r="AY59" s="9" t="s">
        <v>387</v>
      </c>
      <c r="AZ59" s="9" t="s">
        <v>387</v>
      </c>
    </row>
    <row r="60" spans="1:174" s="2" customFormat="1" ht="27" customHeight="1">
      <c r="A60" s="11">
        <v>2025</v>
      </c>
      <c r="B60" s="9">
        <v>336</v>
      </c>
      <c r="C60" s="16" t="s">
        <v>180</v>
      </c>
      <c r="D60" s="9" t="s">
        <v>443</v>
      </c>
      <c r="E60" s="9" t="s">
        <v>902</v>
      </c>
      <c r="F60" s="9" t="s">
        <v>903</v>
      </c>
      <c r="G60" s="9" t="s">
        <v>904</v>
      </c>
      <c r="H60" s="9" t="s">
        <v>905</v>
      </c>
      <c r="I60" s="9" t="s">
        <v>906</v>
      </c>
      <c r="J60" s="9">
        <v>0</v>
      </c>
      <c r="K60" s="9">
        <v>0</v>
      </c>
      <c r="L60" s="9">
        <v>0</v>
      </c>
      <c r="M60" s="9" t="s">
        <v>196</v>
      </c>
      <c r="N60" s="9" t="s">
        <v>907</v>
      </c>
      <c r="O60" s="9" t="s">
        <v>62</v>
      </c>
      <c r="P60" s="9" t="s">
        <v>62</v>
      </c>
      <c r="Q60" s="9" t="s">
        <v>106</v>
      </c>
      <c r="R60" s="9" t="s">
        <v>64</v>
      </c>
      <c r="S60" s="9" t="s">
        <v>905</v>
      </c>
      <c r="T60" s="9" t="s">
        <v>66</v>
      </c>
      <c r="U60" s="9" t="s">
        <v>66</v>
      </c>
      <c r="V60" s="9" t="s">
        <v>66</v>
      </c>
      <c r="W60" s="9" t="s">
        <v>67</v>
      </c>
      <c r="X60" s="9" t="s">
        <v>67</v>
      </c>
      <c r="Y60" s="9" t="s">
        <v>67</v>
      </c>
      <c r="Z60" s="9" t="s">
        <v>67</v>
      </c>
      <c r="AA60" s="9" t="s">
        <v>67</v>
      </c>
      <c r="AB60" s="9" t="s">
        <v>67</v>
      </c>
      <c r="AC60" s="9" t="s">
        <v>67</v>
      </c>
      <c r="AD60" s="9" t="s">
        <v>67</v>
      </c>
      <c r="AE60" s="9" t="s">
        <v>67</v>
      </c>
      <c r="AF60" s="9" t="s">
        <v>67</v>
      </c>
      <c r="AG60" s="9" t="s">
        <v>66</v>
      </c>
      <c r="AH60" s="9" t="s">
        <v>66</v>
      </c>
      <c r="AI60" s="9" t="s">
        <v>67</v>
      </c>
      <c r="AJ60" s="9" t="s">
        <v>66</v>
      </c>
      <c r="AK60" s="9" t="s">
        <v>66</v>
      </c>
      <c r="AL60" s="9" t="s">
        <v>66</v>
      </c>
      <c r="AM60" s="9" t="s">
        <v>67</v>
      </c>
      <c r="AN60" s="9" t="s">
        <v>67</v>
      </c>
      <c r="AO60" s="9" t="s">
        <v>67</v>
      </c>
      <c r="AP60" s="9" t="s">
        <v>67</v>
      </c>
      <c r="AQ60" s="9" t="s">
        <v>66</v>
      </c>
      <c r="AR60" s="9" t="s">
        <v>908</v>
      </c>
      <c r="AS60" s="9" t="s">
        <v>64</v>
      </c>
      <c r="AT60" s="9">
        <v>0</v>
      </c>
      <c r="AU60" s="9" t="s">
        <v>108</v>
      </c>
      <c r="AV60" s="9" t="s">
        <v>909</v>
      </c>
      <c r="AW60" s="9" t="s">
        <v>910</v>
      </c>
      <c r="AX60" s="9" t="s">
        <v>910</v>
      </c>
      <c r="AY60" s="9" t="s">
        <v>911</v>
      </c>
      <c r="AZ60" s="9" t="s">
        <v>911</v>
      </c>
    </row>
    <row r="61" spans="1:174" s="2" customFormat="1" ht="27" customHeight="1">
      <c r="A61" s="11">
        <v>2025</v>
      </c>
      <c r="B61" s="9">
        <v>276</v>
      </c>
      <c r="C61" s="16" t="s">
        <v>180</v>
      </c>
      <c r="D61" s="9" t="s">
        <v>443</v>
      </c>
      <c r="E61" s="9" t="s">
        <v>940</v>
      </c>
      <c r="F61" s="9" t="s">
        <v>941</v>
      </c>
      <c r="G61" s="9" t="s">
        <v>942</v>
      </c>
      <c r="H61" s="9" t="s">
        <v>943</v>
      </c>
      <c r="I61" s="9" t="s">
        <v>944</v>
      </c>
      <c r="J61" s="9">
        <v>0</v>
      </c>
      <c r="K61" s="9">
        <v>0</v>
      </c>
      <c r="L61" s="9">
        <v>0</v>
      </c>
      <c r="M61" s="9"/>
      <c r="N61" s="9" t="s">
        <v>196</v>
      </c>
      <c r="O61" s="9" t="s">
        <v>222</v>
      </c>
      <c r="P61" s="9" t="s">
        <v>222</v>
      </c>
      <c r="Q61" s="9" t="s">
        <v>209</v>
      </c>
      <c r="R61" s="9" t="s">
        <v>64</v>
      </c>
      <c r="S61" s="9" t="s">
        <v>945</v>
      </c>
      <c r="T61" s="9" t="s">
        <v>65</v>
      </c>
      <c r="U61" s="9" t="s">
        <v>65</v>
      </c>
      <c r="V61" s="9" t="s">
        <v>65</v>
      </c>
      <c r="W61" s="9" t="s">
        <v>65</v>
      </c>
      <c r="X61" s="9" t="s">
        <v>65</v>
      </c>
      <c r="Y61" s="9" t="s">
        <v>65</v>
      </c>
      <c r="Z61" s="9" t="s">
        <v>65</v>
      </c>
      <c r="AA61" s="9" t="s">
        <v>65</v>
      </c>
      <c r="AB61" s="9" t="s">
        <v>65</v>
      </c>
      <c r="AC61" s="9" t="s">
        <v>65</v>
      </c>
      <c r="AD61" s="9" t="s">
        <v>67</v>
      </c>
      <c r="AE61" s="9" t="s">
        <v>65</v>
      </c>
      <c r="AF61" s="9" t="s">
        <v>65</v>
      </c>
      <c r="AG61" s="9" t="s">
        <v>67</v>
      </c>
      <c r="AH61" s="9" t="s">
        <v>65</v>
      </c>
      <c r="AI61" s="9" t="s">
        <v>65</v>
      </c>
      <c r="AJ61" s="9" t="s">
        <v>65</v>
      </c>
      <c r="AK61" s="9" t="s">
        <v>65</v>
      </c>
      <c r="AL61" s="9" t="s">
        <v>65</v>
      </c>
      <c r="AM61" s="9" t="s">
        <v>65</v>
      </c>
      <c r="AN61" s="9" t="s">
        <v>67</v>
      </c>
      <c r="AO61" s="9" t="s">
        <v>65</v>
      </c>
      <c r="AP61" s="9" t="s">
        <v>65</v>
      </c>
      <c r="AQ61" s="9" t="s">
        <v>67</v>
      </c>
      <c r="AR61" s="9" t="s">
        <v>946</v>
      </c>
      <c r="AS61" s="9" t="s">
        <v>64</v>
      </c>
      <c r="AT61" s="9" t="s">
        <v>947</v>
      </c>
      <c r="AU61" s="9" t="s">
        <v>151</v>
      </c>
      <c r="AV61" s="9" t="s">
        <v>222</v>
      </c>
      <c r="AW61" s="9" t="s">
        <v>948</v>
      </c>
      <c r="AX61" s="9" t="s">
        <v>948</v>
      </c>
      <c r="AY61" s="9" t="s">
        <v>949</v>
      </c>
      <c r="AZ61" s="9" t="s">
        <v>949</v>
      </c>
    </row>
    <row r="62" spans="1:174" s="2" customFormat="1" ht="27" customHeight="1">
      <c r="A62" s="11">
        <v>2025</v>
      </c>
      <c r="B62" s="9">
        <v>238</v>
      </c>
      <c r="C62" s="16" t="s">
        <v>180</v>
      </c>
      <c r="D62" s="9" t="s">
        <v>443</v>
      </c>
      <c r="E62" s="9" t="s">
        <v>950</v>
      </c>
      <c r="F62" s="9" t="s">
        <v>951</v>
      </c>
      <c r="G62" s="9" t="s">
        <v>952</v>
      </c>
      <c r="H62" s="9" t="s">
        <v>953</v>
      </c>
      <c r="I62" s="9" t="s">
        <v>954</v>
      </c>
      <c r="J62" s="9">
        <v>0</v>
      </c>
      <c r="K62" s="9">
        <v>0</v>
      </c>
      <c r="L62" s="9">
        <v>0</v>
      </c>
      <c r="M62" s="9"/>
      <c r="N62" s="9" t="s">
        <v>955</v>
      </c>
      <c r="O62" s="9" t="s">
        <v>955</v>
      </c>
      <c r="P62" s="9" t="s">
        <v>956</v>
      </c>
      <c r="Q62" s="9" t="s">
        <v>121</v>
      </c>
      <c r="R62" s="9" t="s">
        <v>64</v>
      </c>
      <c r="S62" s="9" t="s">
        <v>957</v>
      </c>
      <c r="T62" s="9" t="s">
        <v>66</v>
      </c>
      <c r="U62" s="9" t="s">
        <v>66</v>
      </c>
      <c r="V62" s="9" t="s">
        <v>66</v>
      </c>
      <c r="W62" s="9" t="s">
        <v>66</v>
      </c>
      <c r="X62" s="9" t="s">
        <v>66</v>
      </c>
      <c r="Y62" s="9" t="s">
        <v>66</v>
      </c>
      <c r="Z62" s="9" t="s">
        <v>66</v>
      </c>
      <c r="AA62" s="9" t="s">
        <v>66</v>
      </c>
      <c r="AB62" s="9" t="s">
        <v>66</v>
      </c>
      <c r="AC62" s="9" t="s">
        <v>66</v>
      </c>
      <c r="AD62" s="9" t="s">
        <v>66</v>
      </c>
      <c r="AE62" s="9" t="s">
        <v>66</v>
      </c>
      <c r="AF62" s="9" t="s">
        <v>66</v>
      </c>
      <c r="AG62" s="9" t="s">
        <v>66</v>
      </c>
      <c r="AH62" s="9" t="s">
        <v>66</v>
      </c>
      <c r="AI62" s="9" t="s">
        <v>66</v>
      </c>
      <c r="AJ62" s="9" t="s">
        <v>66</v>
      </c>
      <c r="AK62" s="9" t="s">
        <v>66</v>
      </c>
      <c r="AL62" s="9" t="s">
        <v>66</v>
      </c>
      <c r="AM62" s="9" t="s">
        <v>66</v>
      </c>
      <c r="AN62" s="9" t="s">
        <v>66</v>
      </c>
      <c r="AO62" s="9" t="s">
        <v>66</v>
      </c>
      <c r="AP62" s="9" t="s">
        <v>66</v>
      </c>
      <c r="AQ62" s="9" t="s">
        <v>66</v>
      </c>
      <c r="AR62" s="9" t="s">
        <v>957</v>
      </c>
      <c r="AS62" s="9" t="s">
        <v>64</v>
      </c>
      <c r="AT62" s="9" t="s">
        <v>958</v>
      </c>
      <c r="AU62" s="9" t="s">
        <v>108</v>
      </c>
      <c r="AV62" s="9" t="s">
        <v>959</v>
      </c>
      <c r="AW62" s="9" t="s">
        <v>960</v>
      </c>
      <c r="AX62" s="9" t="s">
        <v>960</v>
      </c>
      <c r="AY62" s="9" t="s">
        <v>961</v>
      </c>
      <c r="AZ62" s="9" t="s">
        <v>961</v>
      </c>
    </row>
    <row r="63" spans="1:174" s="2" customFormat="1" ht="27" customHeight="1">
      <c r="A63" s="18">
        <v>2023</v>
      </c>
      <c r="B63" s="13">
        <v>172</v>
      </c>
      <c r="C63" s="16" t="s">
        <v>180</v>
      </c>
      <c r="D63" s="13" t="s">
        <v>443</v>
      </c>
      <c r="E63" s="13" t="s">
        <v>962</v>
      </c>
      <c r="F63" s="33" t="s">
        <v>963</v>
      </c>
      <c r="G63" s="13" t="s">
        <v>964</v>
      </c>
      <c r="H63" s="19" t="s">
        <v>965</v>
      </c>
      <c r="I63" s="13" t="s">
        <v>359</v>
      </c>
      <c r="J63" s="13" t="s">
        <v>134</v>
      </c>
      <c r="K63" s="13" t="s">
        <v>134</v>
      </c>
      <c r="L63" s="13" t="s">
        <v>134</v>
      </c>
      <c r="M63" s="13" t="s">
        <v>134</v>
      </c>
      <c r="N63" s="13" t="s">
        <v>966</v>
      </c>
      <c r="O63" s="13" t="s">
        <v>134</v>
      </c>
      <c r="P63" s="13"/>
      <c r="Q63" s="13" t="s">
        <v>745</v>
      </c>
      <c r="R63" s="13"/>
      <c r="S63" s="13"/>
      <c r="T63" s="13" t="s">
        <v>66</v>
      </c>
      <c r="U63" s="13" t="s">
        <v>66</v>
      </c>
      <c r="V63" s="13" t="s">
        <v>66</v>
      </c>
      <c r="W63" s="34"/>
      <c r="X63" s="13" t="s">
        <v>66</v>
      </c>
      <c r="Y63" s="34"/>
      <c r="Z63" s="13" t="s">
        <v>66</v>
      </c>
      <c r="AA63" s="13" t="s">
        <v>66</v>
      </c>
      <c r="AB63" s="13" t="s">
        <v>66</v>
      </c>
      <c r="AC63" s="13" t="s">
        <v>66</v>
      </c>
      <c r="AD63" s="13" t="s">
        <v>66</v>
      </c>
      <c r="AE63" s="13" t="s">
        <v>66</v>
      </c>
      <c r="AF63" s="34"/>
      <c r="AG63" s="13" t="s">
        <v>66</v>
      </c>
      <c r="AH63" s="13" t="s">
        <v>66</v>
      </c>
      <c r="AI63" s="34"/>
      <c r="AJ63" s="13" t="s">
        <v>66</v>
      </c>
      <c r="AK63" s="13" t="s">
        <v>66</v>
      </c>
      <c r="AL63" s="13" t="s">
        <v>66</v>
      </c>
      <c r="AM63" s="13" t="s">
        <v>66</v>
      </c>
      <c r="AN63" s="13" t="s">
        <v>66</v>
      </c>
      <c r="AO63" s="13" t="s">
        <v>66</v>
      </c>
      <c r="AP63" s="34"/>
      <c r="AQ63" s="13" t="s">
        <v>66</v>
      </c>
      <c r="AR63" s="14" t="s">
        <v>967</v>
      </c>
      <c r="AS63" s="13" t="s">
        <v>745</v>
      </c>
      <c r="AT63" s="13"/>
      <c r="AU63" s="25" t="s">
        <v>361</v>
      </c>
      <c r="AV63" s="19"/>
      <c r="AW63" s="13" t="s">
        <v>968</v>
      </c>
      <c r="AX63" s="13" t="s">
        <v>968</v>
      </c>
      <c r="AY63" s="13" t="s">
        <v>387</v>
      </c>
      <c r="AZ63" s="13" t="s">
        <v>387</v>
      </c>
      <c r="BA63" s="15"/>
      <c r="BB63" s="30"/>
      <c r="BC63" s="30"/>
      <c r="BD63" s="30"/>
      <c r="BE63" s="30"/>
      <c r="BF63" s="30"/>
      <c r="BG63" s="30"/>
      <c r="BH63" s="30"/>
      <c r="BI63" s="30"/>
      <c r="BJ63" s="30"/>
      <c r="BK63" s="30"/>
      <c r="BL63" s="30"/>
      <c r="BM63" s="30"/>
      <c r="BN63" s="30"/>
      <c r="BO63" s="30"/>
      <c r="BP63" s="30"/>
      <c r="BQ63" s="30"/>
      <c r="BR63" s="30"/>
      <c r="BS63" s="30"/>
      <c r="BT63" s="30"/>
      <c r="BU63" s="30"/>
      <c r="BV63" s="30"/>
      <c r="BW63" s="30"/>
      <c r="BX63" s="30"/>
      <c r="BY63" s="30"/>
      <c r="BZ63" s="30"/>
      <c r="CA63" s="30"/>
      <c r="CB63" s="30"/>
      <c r="CC63" s="30"/>
      <c r="CD63" s="30"/>
      <c r="CE63" s="30"/>
      <c r="CF63" s="30"/>
      <c r="CG63" s="30"/>
      <c r="CH63" s="30"/>
      <c r="CI63" s="30"/>
      <c r="CJ63" s="30"/>
      <c r="CK63" s="30"/>
      <c r="CL63" s="30"/>
      <c r="CM63" s="30"/>
      <c r="CN63" s="30"/>
      <c r="CO63" s="30"/>
      <c r="CP63" s="30"/>
      <c r="CQ63" s="30"/>
      <c r="CR63" s="30"/>
      <c r="CS63" s="30"/>
      <c r="CT63" s="30"/>
      <c r="CU63" s="30"/>
      <c r="CV63" s="30"/>
      <c r="CW63" s="30"/>
      <c r="CX63" s="30"/>
      <c r="CY63" s="30"/>
      <c r="CZ63" s="30"/>
      <c r="DA63" s="30"/>
      <c r="DB63" s="30"/>
      <c r="DC63" s="30"/>
      <c r="DD63" s="30"/>
      <c r="DE63" s="30"/>
      <c r="DF63" s="30"/>
      <c r="DG63" s="30"/>
      <c r="DH63" s="30"/>
      <c r="DI63" s="30"/>
      <c r="DJ63" s="30"/>
      <c r="DK63" s="30"/>
      <c r="DL63" s="30"/>
      <c r="DM63" s="30"/>
      <c r="DN63" s="30"/>
      <c r="DO63" s="30"/>
      <c r="DP63" s="30"/>
      <c r="DQ63" s="30"/>
      <c r="DR63" s="30"/>
      <c r="DS63" s="30"/>
      <c r="DT63" s="30"/>
      <c r="DU63" s="30"/>
      <c r="DV63" s="30"/>
      <c r="DW63" s="30"/>
      <c r="DX63" s="30"/>
      <c r="DY63" s="30"/>
      <c r="DZ63" s="30"/>
      <c r="EA63" s="30"/>
      <c r="EB63" s="30"/>
      <c r="EC63" s="30"/>
      <c r="ED63" s="30"/>
      <c r="EE63" s="30"/>
      <c r="EF63" s="30"/>
      <c r="EG63" s="30"/>
      <c r="EH63" s="30"/>
      <c r="EI63" s="30"/>
      <c r="EJ63" s="30"/>
      <c r="EK63" s="30"/>
      <c r="EL63" s="30"/>
      <c r="EM63" s="30"/>
      <c r="EN63" s="30"/>
      <c r="EO63" s="30"/>
      <c r="EP63" s="30"/>
      <c r="EQ63" s="30"/>
      <c r="ER63" s="30"/>
      <c r="ES63" s="30"/>
      <c r="ET63" s="30"/>
      <c r="EU63" s="30"/>
      <c r="EV63" s="30"/>
      <c r="EW63" s="30"/>
      <c r="EX63" s="30"/>
      <c r="EY63" s="30"/>
      <c r="EZ63" s="30"/>
      <c r="FA63" s="30"/>
      <c r="FB63" s="30"/>
      <c r="FC63" s="30"/>
      <c r="FD63" s="30"/>
      <c r="FE63" s="30"/>
      <c r="FF63" s="30"/>
      <c r="FG63" s="30"/>
      <c r="FH63" s="30"/>
      <c r="FI63" s="30"/>
      <c r="FJ63" s="30"/>
      <c r="FK63" s="30"/>
      <c r="FL63" s="30"/>
      <c r="FM63" s="30"/>
      <c r="FN63" s="30"/>
      <c r="FO63" s="30"/>
      <c r="FP63" s="30"/>
      <c r="FQ63" s="30"/>
      <c r="FR63" s="30"/>
    </row>
    <row r="64" spans="1:174" s="2" customFormat="1" ht="27" customHeight="1">
      <c r="A64" s="11">
        <v>2025</v>
      </c>
      <c r="B64" s="9">
        <v>335</v>
      </c>
      <c r="C64" s="16" t="s">
        <v>180</v>
      </c>
      <c r="D64" s="9" t="s">
        <v>443</v>
      </c>
      <c r="E64" s="9" t="s">
        <v>969</v>
      </c>
      <c r="F64" s="9" t="s">
        <v>970</v>
      </c>
      <c r="G64" s="9" t="s">
        <v>971</v>
      </c>
      <c r="H64" s="9" t="s">
        <v>972</v>
      </c>
      <c r="I64" s="9" t="s">
        <v>973</v>
      </c>
      <c r="J64" s="9">
        <v>0</v>
      </c>
      <c r="K64" s="9">
        <v>0</v>
      </c>
      <c r="L64" s="9">
        <v>0</v>
      </c>
      <c r="M64" s="9"/>
      <c r="N64" s="9" t="s">
        <v>974</v>
      </c>
      <c r="O64" s="9" t="s">
        <v>975</v>
      </c>
      <c r="P64" s="9" t="s">
        <v>222</v>
      </c>
      <c r="Q64" s="9" t="s">
        <v>209</v>
      </c>
      <c r="R64" s="9" t="s">
        <v>64</v>
      </c>
      <c r="S64" s="9">
        <v>0</v>
      </c>
      <c r="T64" s="9" t="s">
        <v>65</v>
      </c>
      <c r="U64" s="9" t="s">
        <v>67</v>
      </c>
      <c r="V64" s="9" t="s">
        <v>65</v>
      </c>
      <c r="W64" s="9" t="s">
        <v>65</v>
      </c>
      <c r="X64" s="9" t="s">
        <v>65</v>
      </c>
      <c r="Y64" s="9" t="s">
        <v>65</v>
      </c>
      <c r="Z64" s="9" t="s">
        <v>65</v>
      </c>
      <c r="AA64" s="9" t="s">
        <v>65</v>
      </c>
      <c r="AB64" s="9" t="s">
        <v>65</v>
      </c>
      <c r="AC64" s="9" t="s">
        <v>65</v>
      </c>
      <c r="AD64" s="9" t="s">
        <v>65</v>
      </c>
      <c r="AE64" s="9" t="s">
        <v>65</v>
      </c>
      <c r="AF64" s="9" t="s">
        <v>67</v>
      </c>
      <c r="AG64" s="9" t="s">
        <v>67</v>
      </c>
      <c r="AH64" s="9" t="s">
        <v>65</v>
      </c>
      <c r="AI64" s="9" t="s">
        <v>65</v>
      </c>
      <c r="AJ64" s="9" t="s">
        <v>65</v>
      </c>
      <c r="AK64" s="9" t="s">
        <v>65</v>
      </c>
      <c r="AL64" s="9" t="s">
        <v>65</v>
      </c>
      <c r="AM64" s="9" t="s">
        <v>65</v>
      </c>
      <c r="AN64" s="9" t="s">
        <v>65</v>
      </c>
      <c r="AO64" s="9" t="s">
        <v>65</v>
      </c>
      <c r="AP64" s="9" t="s">
        <v>67</v>
      </c>
      <c r="AQ64" s="9" t="s">
        <v>67</v>
      </c>
      <c r="AR64" s="9" t="s">
        <v>976</v>
      </c>
      <c r="AS64" s="9" t="s">
        <v>64</v>
      </c>
      <c r="AT64" s="9">
        <v>0</v>
      </c>
      <c r="AU64" s="9" t="s">
        <v>151</v>
      </c>
      <c r="AV64" s="9" t="s">
        <v>977</v>
      </c>
      <c r="AW64" s="9" t="s">
        <v>542</v>
      </c>
      <c r="AX64" s="9" t="s">
        <v>978</v>
      </c>
      <c r="AY64" s="9" t="s">
        <v>979</v>
      </c>
      <c r="AZ64" s="9" t="s">
        <v>980</v>
      </c>
    </row>
    <row r="65" spans="1:174" s="2" customFormat="1" ht="27" customHeight="1">
      <c r="A65" s="18">
        <v>2024</v>
      </c>
      <c r="B65" s="13">
        <v>141</v>
      </c>
      <c r="C65" s="16" t="s">
        <v>180</v>
      </c>
      <c r="D65" s="13" t="s">
        <v>443</v>
      </c>
      <c r="E65" s="13" t="s">
        <v>962</v>
      </c>
      <c r="F65" s="9" t="s">
        <v>981</v>
      </c>
      <c r="G65" s="13" t="s">
        <v>982</v>
      </c>
      <c r="H65" s="14" t="s">
        <v>983</v>
      </c>
      <c r="I65" s="13" t="s">
        <v>359</v>
      </c>
      <c r="J65" s="13" t="s">
        <v>134</v>
      </c>
      <c r="K65" s="13" t="s">
        <v>134</v>
      </c>
      <c r="L65" s="13" t="s">
        <v>134</v>
      </c>
      <c r="M65" s="13" t="s">
        <v>134</v>
      </c>
      <c r="N65" s="13" t="s">
        <v>984</v>
      </c>
      <c r="O65" s="13"/>
      <c r="P65" s="13" t="s">
        <v>985</v>
      </c>
      <c r="Q65" s="13" t="s">
        <v>121</v>
      </c>
      <c r="R65" s="13"/>
      <c r="S65" s="13"/>
      <c r="T65" s="13" t="s">
        <v>66</v>
      </c>
      <c r="U65" s="13" t="s">
        <v>66</v>
      </c>
      <c r="V65" s="13" t="s">
        <v>66</v>
      </c>
      <c r="W65" s="13" t="s">
        <v>66</v>
      </c>
      <c r="X65" s="13" t="s">
        <v>66</v>
      </c>
      <c r="Y65" s="13" t="s">
        <v>67</v>
      </c>
      <c r="Z65" s="13" t="s">
        <v>66</v>
      </c>
      <c r="AA65" s="13" t="s">
        <v>66</v>
      </c>
      <c r="AB65" s="13" t="s">
        <v>66</v>
      </c>
      <c r="AC65" s="13" t="s">
        <v>66</v>
      </c>
      <c r="AD65" s="13" t="s">
        <v>66</v>
      </c>
      <c r="AE65" s="13" t="s">
        <v>66</v>
      </c>
      <c r="AF65" s="13" t="s">
        <v>67</v>
      </c>
      <c r="AG65" s="13" t="s">
        <v>67</v>
      </c>
      <c r="AH65" s="13" t="s">
        <v>66</v>
      </c>
      <c r="AI65" s="13" t="s">
        <v>67</v>
      </c>
      <c r="AJ65" s="13" t="s">
        <v>66</v>
      </c>
      <c r="AK65" s="13" t="s">
        <v>66</v>
      </c>
      <c r="AL65" s="13" t="s">
        <v>66</v>
      </c>
      <c r="AM65" s="13" t="s">
        <v>66</v>
      </c>
      <c r="AN65" s="13" t="s">
        <v>66</v>
      </c>
      <c r="AO65" s="13" t="s">
        <v>66</v>
      </c>
      <c r="AP65" s="13" t="s">
        <v>67</v>
      </c>
      <c r="AQ65" s="13" t="s">
        <v>67</v>
      </c>
      <c r="AR65" s="14" t="s">
        <v>986</v>
      </c>
      <c r="AS65" s="13" t="s">
        <v>64</v>
      </c>
      <c r="AT65" s="13"/>
      <c r="AU65" s="13" t="s">
        <v>987</v>
      </c>
      <c r="AV65" s="14" t="s">
        <v>988</v>
      </c>
      <c r="AW65" s="13" t="s">
        <v>989</v>
      </c>
      <c r="AX65" s="13" t="s">
        <v>990</v>
      </c>
      <c r="AY65" s="13" t="s">
        <v>991</v>
      </c>
      <c r="AZ65" s="13" t="s">
        <v>992</v>
      </c>
      <c r="BA65" s="15"/>
    </row>
    <row r="66" spans="1:174" s="2" customFormat="1" ht="27" customHeight="1">
      <c r="A66" s="11">
        <v>2025</v>
      </c>
      <c r="B66" s="9">
        <v>133</v>
      </c>
      <c r="C66" s="16" t="s">
        <v>180</v>
      </c>
      <c r="D66" s="9" t="s">
        <v>443</v>
      </c>
      <c r="E66" s="9" t="s">
        <v>993</v>
      </c>
      <c r="F66" s="9" t="s">
        <v>994</v>
      </c>
      <c r="G66" s="9" t="s">
        <v>995</v>
      </c>
      <c r="H66" s="9" t="s">
        <v>996</v>
      </c>
      <c r="I66" s="9" t="s">
        <v>997</v>
      </c>
      <c r="J66" s="9">
        <v>79</v>
      </c>
      <c r="K66" s="9">
        <v>6</v>
      </c>
      <c r="L66" s="9">
        <v>0</v>
      </c>
      <c r="M66" s="9" t="s">
        <v>86</v>
      </c>
      <c r="N66" s="9" t="s">
        <v>998</v>
      </c>
      <c r="O66" s="9" t="s">
        <v>999</v>
      </c>
      <c r="P66" s="9" t="s">
        <v>1000</v>
      </c>
      <c r="Q66" s="9" t="s">
        <v>121</v>
      </c>
      <c r="R66" s="9" t="s">
        <v>64</v>
      </c>
      <c r="S66" s="9" t="s">
        <v>1001</v>
      </c>
      <c r="T66" s="9" t="s">
        <v>66</v>
      </c>
      <c r="U66" s="9" t="s">
        <v>66</v>
      </c>
      <c r="V66" s="9" t="s">
        <v>66</v>
      </c>
      <c r="W66" s="9" t="s">
        <v>66</v>
      </c>
      <c r="X66" s="9" t="s">
        <v>66</v>
      </c>
      <c r="Y66" s="9" t="s">
        <v>66</v>
      </c>
      <c r="Z66" s="9" t="s">
        <v>66</v>
      </c>
      <c r="AA66" s="9" t="s">
        <v>66</v>
      </c>
      <c r="AB66" s="9" t="s">
        <v>67</v>
      </c>
      <c r="AC66" s="9" t="s">
        <v>66</v>
      </c>
      <c r="AD66" s="9" t="s">
        <v>67</v>
      </c>
      <c r="AE66" s="9" t="s">
        <v>67</v>
      </c>
      <c r="AF66" s="9" t="s">
        <v>66</v>
      </c>
      <c r="AG66" s="9" t="s">
        <v>67</v>
      </c>
      <c r="AH66" s="9" t="s">
        <v>66</v>
      </c>
      <c r="AI66" s="9" t="s">
        <v>66</v>
      </c>
      <c r="AJ66" s="9" t="s">
        <v>66</v>
      </c>
      <c r="AK66" s="9" t="s">
        <v>66</v>
      </c>
      <c r="AL66" s="9" t="s">
        <v>66</v>
      </c>
      <c r="AM66" s="9" t="s">
        <v>66</v>
      </c>
      <c r="AN66" s="9" t="s">
        <v>67</v>
      </c>
      <c r="AO66" s="9" t="s">
        <v>67</v>
      </c>
      <c r="AP66" s="9" t="s">
        <v>66</v>
      </c>
      <c r="AQ66" s="9" t="s">
        <v>67</v>
      </c>
      <c r="AR66" s="9" t="s">
        <v>1002</v>
      </c>
      <c r="AS66" s="9" t="s">
        <v>64</v>
      </c>
      <c r="AT66" s="9">
        <v>0</v>
      </c>
      <c r="AU66" s="9" t="s">
        <v>151</v>
      </c>
      <c r="AV66" s="9" t="s">
        <v>1003</v>
      </c>
      <c r="AW66" s="9" t="s">
        <v>493</v>
      </c>
      <c r="AX66" s="9" t="s">
        <v>1004</v>
      </c>
      <c r="AY66" s="9" t="s">
        <v>1005</v>
      </c>
      <c r="AZ66" s="9" t="s">
        <v>1006</v>
      </c>
    </row>
    <row r="67" spans="1:174" s="2" customFormat="1" ht="27" customHeight="1">
      <c r="A67" s="11">
        <v>2025</v>
      </c>
      <c r="B67" s="9">
        <v>134</v>
      </c>
      <c r="C67" s="16" t="s">
        <v>180</v>
      </c>
      <c r="D67" s="9" t="s">
        <v>443</v>
      </c>
      <c r="E67" s="9" t="s">
        <v>1186</v>
      </c>
      <c r="F67" s="9" t="s">
        <v>1187</v>
      </c>
      <c r="G67" s="9" t="s">
        <v>1188</v>
      </c>
      <c r="H67" s="9" t="s">
        <v>1189</v>
      </c>
      <c r="I67" s="9" t="s">
        <v>1190</v>
      </c>
      <c r="J67" s="9">
        <v>0</v>
      </c>
      <c r="K67" s="9">
        <v>5</v>
      </c>
      <c r="L67" s="9">
        <v>0</v>
      </c>
      <c r="M67" s="9" t="s">
        <v>196</v>
      </c>
      <c r="N67" s="9" t="s">
        <v>1191</v>
      </c>
      <c r="O67" s="9" t="s">
        <v>1192</v>
      </c>
      <c r="P67" s="9" t="s">
        <v>1193</v>
      </c>
      <c r="Q67" s="9" t="s">
        <v>121</v>
      </c>
      <c r="R67" s="9" t="s">
        <v>64</v>
      </c>
      <c r="S67" s="9">
        <v>0</v>
      </c>
      <c r="T67" s="9" t="s">
        <v>66</v>
      </c>
      <c r="U67" s="9" t="s">
        <v>66</v>
      </c>
      <c r="V67" s="9" t="s">
        <v>66</v>
      </c>
      <c r="W67" s="9" t="s">
        <v>66</v>
      </c>
      <c r="X67" s="9" t="s">
        <v>67</v>
      </c>
      <c r="Y67" s="9" t="s">
        <v>67</v>
      </c>
      <c r="Z67" s="9" t="s">
        <v>67</v>
      </c>
      <c r="AA67" s="9" t="s">
        <v>67</v>
      </c>
      <c r="AB67" s="9" t="s">
        <v>67</v>
      </c>
      <c r="AC67" s="9" t="s">
        <v>67</v>
      </c>
      <c r="AD67" s="9" t="s">
        <v>67</v>
      </c>
      <c r="AE67" s="9" t="s">
        <v>67</v>
      </c>
      <c r="AF67" s="9" t="s">
        <v>67</v>
      </c>
      <c r="AG67" s="9" t="s">
        <v>67</v>
      </c>
      <c r="AH67" s="9" t="s">
        <v>66</v>
      </c>
      <c r="AI67" s="9" t="s">
        <v>67</v>
      </c>
      <c r="AJ67" s="9" t="s">
        <v>67</v>
      </c>
      <c r="AK67" s="9" t="s">
        <v>66</v>
      </c>
      <c r="AL67" s="9" t="s">
        <v>66</v>
      </c>
      <c r="AM67" s="9" t="s">
        <v>66</v>
      </c>
      <c r="AN67" s="9" t="s">
        <v>67</v>
      </c>
      <c r="AO67" s="9" t="s">
        <v>67</v>
      </c>
      <c r="AP67" s="9" t="s">
        <v>67</v>
      </c>
      <c r="AQ67" s="9" t="s">
        <v>67</v>
      </c>
      <c r="AR67" s="9" t="s">
        <v>1194</v>
      </c>
      <c r="AS67" s="9" t="s">
        <v>64</v>
      </c>
      <c r="AT67" s="9">
        <v>0</v>
      </c>
      <c r="AU67" s="9" t="s">
        <v>151</v>
      </c>
      <c r="AV67" s="9" t="s">
        <v>1195</v>
      </c>
      <c r="AW67" s="9" t="s">
        <v>1196</v>
      </c>
      <c r="AX67" s="9" t="s">
        <v>1197</v>
      </c>
      <c r="AY67" s="9" t="s">
        <v>1198</v>
      </c>
      <c r="AZ67" s="9" t="s">
        <v>1199</v>
      </c>
    </row>
    <row r="68" spans="1:174" s="2" customFormat="1" ht="27" customHeight="1">
      <c r="A68" s="11">
        <v>2025</v>
      </c>
      <c r="B68" s="9">
        <v>277</v>
      </c>
      <c r="C68" s="16" t="s">
        <v>180</v>
      </c>
      <c r="D68" s="9" t="s">
        <v>443</v>
      </c>
      <c r="E68" s="9" t="s">
        <v>1209</v>
      </c>
      <c r="F68" s="9" t="s">
        <v>1210</v>
      </c>
      <c r="G68" s="9" t="s">
        <v>1211</v>
      </c>
      <c r="H68" s="9" t="s">
        <v>1212</v>
      </c>
      <c r="I68" s="9" t="s">
        <v>1213</v>
      </c>
      <c r="J68" s="9">
        <v>0</v>
      </c>
      <c r="K68" s="9">
        <v>0</v>
      </c>
      <c r="L68" s="9">
        <v>0</v>
      </c>
      <c r="M68" s="9"/>
      <c r="N68" s="9" t="s">
        <v>1214</v>
      </c>
      <c r="O68" s="9" t="s">
        <v>1215</v>
      </c>
      <c r="P68" s="9" t="s">
        <v>1216</v>
      </c>
      <c r="Q68" s="9" t="s">
        <v>209</v>
      </c>
      <c r="R68" s="9" t="s">
        <v>64</v>
      </c>
      <c r="S68" s="9">
        <v>0</v>
      </c>
      <c r="T68" s="9" t="s">
        <v>65</v>
      </c>
      <c r="U68" s="9" t="s">
        <v>65</v>
      </c>
      <c r="V68" s="9" t="s">
        <v>65</v>
      </c>
      <c r="W68" s="9" t="s">
        <v>67</v>
      </c>
      <c r="X68" s="9" t="s">
        <v>67</v>
      </c>
      <c r="Y68" s="9" t="s">
        <v>67</v>
      </c>
      <c r="Z68" s="9" t="s">
        <v>67</v>
      </c>
      <c r="AA68" s="9" t="s">
        <v>67</v>
      </c>
      <c r="AB68" s="9" t="s">
        <v>67</v>
      </c>
      <c r="AC68" s="9" t="s">
        <v>65</v>
      </c>
      <c r="AD68" s="9" t="s">
        <v>67</v>
      </c>
      <c r="AE68" s="9" t="s">
        <v>67</v>
      </c>
      <c r="AF68" s="9" t="s">
        <v>67</v>
      </c>
      <c r="AG68" s="9" t="s">
        <v>67</v>
      </c>
      <c r="AH68" s="9" t="s">
        <v>67</v>
      </c>
      <c r="AI68" s="9" t="s">
        <v>67</v>
      </c>
      <c r="AJ68" s="9" t="s">
        <v>67</v>
      </c>
      <c r="AK68" s="9" t="s">
        <v>67</v>
      </c>
      <c r="AL68" s="9" t="s">
        <v>67</v>
      </c>
      <c r="AM68" s="9" t="s">
        <v>65</v>
      </c>
      <c r="AN68" s="9" t="s">
        <v>67</v>
      </c>
      <c r="AO68" s="9" t="s">
        <v>67</v>
      </c>
      <c r="AP68" s="9" t="s">
        <v>67</v>
      </c>
      <c r="AQ68" s="9" t="s">
        <v>67</v>
      </c>
      <c r="AR68" s="9" t="s">
        <v>1217</v>
      </c>
      <c r="AS68" s="9" t="s">
        <v>64</v>
      </c>
      <c r="AT68" s="9" t="s">
        <v>1218</v>
      </c>
      <c r="AU68" s="9" t="s">
        <v>151</v>
      </c>
      <c r="AV68" s="9" t="s">
        <v>1219</v>
      </c>
      <c r="AW68" s="9" t="s">
        <v>1220</v>
      </c>
      <c r="AX68" s="9" t="s">
        <v>1221</v>
      </c>
      <c r="AY68" s="9" t="s">
        <v>1222</v>
      </c>
      <c r="AZ68" s="9" t="s">
        <v>1223</v>
      </c>
    </row>
    <row r="69" spans="1:174" s="2" customFormat="1" ht="27" customHeight="1">
      <c r="A69" s="18">
        <v>2021</v>
      </c>
      <c r="B69" s="13">
        <v>132</v>
      </c>
      <c r="C69" s="16" t="s">
        <v>180</v>
      </c>
      <c r="D69" s="13" t="s">
        <v>461</v>
      </c>
      <c r="E69" s="13" t="s">
        <v>462</v>
      </c>
      <c r="F69" s="9" t="s">
        <v>463</v>
      </c>
      <c r="G69" s="13" t="s">
        <v>464</v>
      </c>
      <c r="H69" s="19" t="s">
        <v>465</v>
      </c>
      <c r="I69" s="13" t="s">
        <v>359</v>
      </c>
      <c r="J69" s="13" t="s">
        <v>134</v>
      </c>
      <c r="K69" s="13" t="s">
        <v>134</v>
      </c>
      <c r="L69" s="13" t="s">
        <v>134</v>
      </c>
      <c r="M69" s="13" t="s">
        <v>134</v>
      </c>
      <c r="N69" s="13"/>
      <c r="O69" s="13"/>
      <c r="P69" s="13" t="s">
        <v>466</v>
      </c>
      <c r="Q69" s="13" t="s">
        <v>361</v>
      </c>
      <c r="R69" s="13"/>
      <c r="S69" s="13"/>
      <c r="T69" s="13" t="s">
        <v>66</v>
      </c>
      <c r="U69" s="13" t="s">
        <v>66</v>
      </c>
      <c r="V69" s="13" t="s">
        <v>66</v>
      </c>
      <c r="W69" s="13"/>
      <c r="X69" s="13" t="s">
        <v>66</v>
      </c>
      <c r="Y69" s="13"/>
      <c r="Z69" s="13" t="s">
        <v>66</v>
      </c>
      <c r="AA69" s="13" t="s">
        <v>66</v>
      </c>
      <c r="AB69" s="13" t="s">
        <v>66</v>
      </c>
      <c r="AC69" s="13" t="s">
        <v>66</v>
      </c>
      <c r="AD69" s="13" t="s">
        <v>66</v>
      </c>
      <c r="AE69" s="13" t="s">
        <v>66</v>
      </c>
      <c r="AF69" s="13" t="s">
        <v>66</v>
      </c>
      <c r="AG69" s="13" t="s">
        <v>66</v>
      </c>
      <c r="AH69" s="13"/>
      <c r="AI69" s="13"/>
      <c r="AJ69" s="13"/>
      <c r="AK69" s="13"/>
      <c r="AL69" s="13"/>
      <c r="AM69" s="13"/>
      <c r="AN69" s="13"/>
      <c r="AO69" s="13"/>
      <c r="AP69" s="13"/>
      <c r="AQ69" s="13"/>
      <c r="AR69" s="19" t="s">
        <v>467</v>
      </c>
      <c r="AS69" s="13" t="s">
        <v>435</v>
      </c>
      <c r="AT69" s="13"/>
      <c r="AU69" s="25" t="s">
        <v>361</v>
      </c>
      <c r="AV69" s="13"/>
      <c r="AW69" s="13" t="s">
        <v>361</v>
      </c>
      <c r="AX69" s="13" t="s">
        <v>361</v>
      </c>
      <c r="AY69" s="13" t="s">
        <v>361</v>
      </c>
      <c r="AZ69" s="13" t="s">
        <v>361</v>
      </c>
      <c r="BA69" s="15"/>
    </row>
    <row r="70" spans="1:174" s="32" customFormat="1" ht="27" customHeight="1">
      <c r="A70" s="12">
        <v>2025</v>
      </c>
      <c r="B70" s="9">
        <v>157</v>
      </c>
      <c r="C70" s="16" t="s">
        <v>180</v>
      </c>
      <c r="D70" s="9" t="s">
        <v>461</v>
      </c>
      <c r="E70" s="9" t="s">
        <v>468</v>
      </c>
      <c r="F70" s="9" t="s">
        <v>469</v>
      </c>
      <c r="G70" s="9" t="s">
        <v>470</v>
      </c>
      <c r="H70" s="9" t="s">
        <v>471</v>
      </c>
      <c r="I70" s="9" t="s">
        <v>472</v>
      </c>
      <c r="J70" s="9">
        <v>0</v>
      </c>
      <c r="K70" s="9">
        <v>0</v>
      </c>
      <c r="L70" s="9">
        <v>0</v>
      </c>
      <c r="M70" s="9"/>
      <c r="N70" s="9" t="s">
        <v>473</v>
      </c>
      <c r="O70" s="9" t="s">
        <v>474</v>
      </c>
      <c r="P70" s="9" t="s">
        <v>222</v>
      </c>
      <c r="Q70" s="9" t="s">
        <v>209</v>
      </c>
      <c r="R70" s="9" t="s">
        <v>64</v>
      </c>
      <c r="S70" s="9" t="s">
        <v>475</v>
      </c>
      <c r="T70" s="9" t="s">
        <v>65</v>
      </c>
      <c r="U70" s="9" t="s">
        <v>65</v>
      </c>
      <c r="V70" s="9" t="s">
        <v>67</v>
      </c>
      <c r="W70" s="9" t="s">
        <v>67</v>
      </c>
      <c r="X70" s="9" t="s">
        <v>65</v>
      </c>
      <c r="Y70" s="9" t="s">
        <v>65</v>
      </c>
      <c r="Z70" s="9" t="s">
        <v>65</v>
      </c>
      <c r="AA70" s="9" t="s">
        <v>65</v>
      </c>
      <c r="AB70" s="9" t="s">
        <v>65</v>
      </c>
      <c r="AC70" s="9" t="s">
        <v>65</v>
      </c>
      <c r="AD70" s="9" t="s">
        <v>65</v>
      </c>
      <c r="AE70" s="9" t="s">
        <v>65</v>
      </c>
      <c r="AF70" s="9" t="s">
        <v>65</v>
      </c>
      <c r="AG70" s="9" t="s">
        <v>65</v>
      </c>
      <c r="AH70" s="9" t="s">
        <v>67</v>
      </c>
      <c r="AI70" s="9" t="s">
        <v>67</v>
      </c>
      <c r="AJ70" s="9" t="s">
        <v>67</v>
      </c>
      <c r="AK70" s="9" t="s">
        <v>67</v>
      </c>
      <c r="AL70" s="9" t="s">
        <v>67</v>
      </c>
      <c r="AM70" s="9" t="s">
        <v>67</v>
      </c>
      <c r="AN70" s="9" t="s">
        <v>67</v>
      </c>
      <c r="AO70" s="9" t="s">
        <v>67</v>
      </c>
      <c r="AP70" s="9" t="s">
        <v>67</v>
      </c>
      <c r="AQ70" s="9" t="s">
        <v>67</v>
      </c>
      <c r="AR70" s="9" t="s">
        <v>476</v>
      </c>
      <c r="AS70" s="9" t="s">
        <v>64</v>
      </c>
      <c r="AT70" s="9" t="s">
        <v>477</v>
      </c>
      <c r="AU70" s="9" t="s">
        <v>108</v>
      </c>
      <c r="AV70" s="9" t="s">
        <v>478</v>
      </c>
      <c r="AW70" s="9" t="s">
        <v>479</v>
      </c>
      <c r="AX70" s="9" t="s">
        <v>480</v>
      </c>
      <c r="AY70" s="9" t="s">
        <v>481</v>
      </c>
      <c r="AZ70" s="9" t="s">
        <v>482</v>
      </c>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2"/>
      <c r="CT70" s="2"/>
      <c r="CU70" s="2"/>
      <c r="CV70" s="2"/>
      <c r="CW70" s="2"/>
      <c r="CX70" s="2"/>
      <c r="CY70" s="2"/>
      <c r="CZ70" s="2"/>
      <c r="DA70" s="2"/>
      <c r="DB70" s="2"/>
      <c r="DC70" s="2"/>
      <c r="DD70" s="2"/>
      <c r="DE70" s="2"/>
      <c r="DF70" s="2"/>
      <c r="DG70" s="2"/>
      <c r="DH70" s="2"/>
      <c r="DI70" s="2"/>
      <c r="DJ70" s="2"/>
      <c r="DK70" s="2"/>
      <c r="DL70" s="2"/>
      <c r="DM70" s="2"/>
      <c r="DN70" s="2"/>
      <c r="DO70" s="2"/>
      <c r="DP70" s="2"/>
      <c r="DQ70" s="2"/>
      <c r="DR70" s="2"/>
      <c r="DS70" s="2"/>
      <c r="DT70" s="2"/>
      <c r="DU70" s="2"/>
      <c r="DV70" s="2"/>
      <c r="DW70" s="2"/>
      <c r="DX70" s="2"/>
      <c r="DY70" s="2"/>
      <c r="DZ70" s="2"/>
      <c r="EA70" s="2"/>
      <c r="EB70" s="2"/>
      <c r="EC70" s="2"/>
      <c r="ED70" s="2"/>
      <c r="EE70" s="2"/>
      <c r="EF70" s="2"/>
      <c r="EG70" s="2"/>
      <c r="EH70" s="2"/>
      <c r="EI70" s="2"/>
      <c r="EJ70" s="2"/>
      <c r="EK70" s="2"/>
      <c r="EL70" s="2"/>
      <c r="EM70" s="2"/>
      <c r="EN70" s="2"/>
      <c r="EO70" s="2"/>
      <c r="EP70" s="2"/>
      <c r="EQ70" s="2"/>
      <c r="ER70" s="2"/>
      <c r="ES70" s="2"/>
      <c r="ET70" s="2"/>
      <c r="EU70" s="2"/>
      <c r="EV70" s="2"/>
      <c r="EW70" s="2"/>
      <c r="EX70" s="2"/>
      <c r="EY70" s="2"/>
      <c r="EZ70" s="2"/>
      <c r="FA70" s="2"/>
      <c r="FB70" s="2"/>
      <c r="FC70" s="2"/>
      <c r="FD70" s="2"/>
      <c r="FE70" s="2"/>
      <c r="FF70" s="2"/>
      <c r="FG70" s="2"/>
      <c r="FH70" s="2"/>
      <c r="FI70" s="2"/>
      <c r="FJ70" s="2"/>
      <c r="FK70" s="2"/>
      <c r="FL70" s="2"/>
      <c r="FM70" s="2"/>
      <c r="FN70" s="2"/>
      <c r="FO70" s="2"/>
      <c r="FP70" s="2"/>
      <c r="FQ70" s="2"/>
      <c r="FR70" s="2"/>
    </row>
    <row r="71" spans="1:174" s="2" customFormat="1" ht="27" customHeight="1">
      <c r="A71" s="11">
        <v>2025</v>
      </c>
      <c r="B71" s="9">
        <v>385</v>
      </c>
      <c r="C71" s="16" t="s">
        <v>180</v>
      </c>
      <c r="D71" s="9" t="s">
        <v>461</v>
      </c>
      <c r="E71" s="9" t="s">
        <v>624</v>
      </c>
      <c r="F71" s="9" t="s">
        <v>625</v>
      </c>
      <c r="G71" s="9" t="s">
        <v>626</v>
      </c>
      <c r="H71" s="9" t="s">
        <v>627</v>
      </c>
      <c r="I71" s="9" t="s">
        <v>628</v>
      </c>
      <c r="J71" s="9">
        <v>0</v>
      </c>
      <c r="K71" s="9">
        <v>0</v>
      </c>
      <c r="L71" s="9">
        <v>0</v>
      </c>
      <c r="M71" s="9" t="s">
        <v>102</v>
      </c>
      <c r="N71" s="9" t="s">
        <v>629</v>
      </c>
      <c r="O71" s="9" t="s">
        <v>630</v>
      </c>
      <c r="P71" s="9" t="s">
        <v>631</v>
      </c>
      <c r="Q71" s="9" t="s">
        <v>121</v>
      </c>
      <c r="R71" s="9" t="s">
        <v>64</v>
      </c>
      <c r="S71" s="9">
        <v>0</v>
      </c>
      <c r="T71" s="9" t="s">
        <v>66</v>
      </c>
      <c r="U71" s="9" t="s">
        <v>66</v>
      </c>
      <c r="V71" s="9" t="s">
        <v>67</v>
      </c>
      <c r="W71" s="9" t="s">
        <v>67</v>
      </c>
      <c r="X71" s="9" t="s">
        <v>66</v>
      </c>
      <c r="Y71" s="9" t="s">
        <v>66</v>
      </c>
      <c r="Z71" s="9" t="s">
        <v>66</v>
      </c>
      <c r="AA71" s="9" t="s">
        <v>66</v>
      </c>
      <c r="AB71" s="9" t="s">
        <v>66</v>
      </c>
      <c r="AC71" s="9" t="s">
        <v>66</v>
      </c>
      <c r="AD71" s="9" t="s">
        <v>66</v>
      </c>
      <c r="AE71" s="9" t="s">
        <v>66</v>
      </c>
      <c r="AF71" s="9" t="s">
        <v>66</v>
      </c>
      <c r="AG71" s="9" t="s">
        <v>66</v>
      </c>
      <c r="AH71" s="9" t="s">
        <v>67</v>
      </c>
      <c r="AI71" s="9" t="s">
        <v>67</v>
      </c>
      <c r="AJ71" s="9" t="s">
        <v>67</v>
      </c>
      <c r="AK71" s="9" t="s">
        <v>67</v>
      </c>
      <c r="AL71" s="9" t="s">
        <v>67</v>
      </c>
      <c r="AM71" s="9" t="s">
        <v>67</v>
      </c>
      <c r="AN71" s="9" t="s">
        <v>67</v>
      </c>
      <c r="AO71" s="9" t="s">
        <v>67</v>
      </c>
      <c r="AP71" s="9" t="s">
        <v>67</v>
      </c>
      <c r="AQ71" s="9" t="s">
        <v>67</v>
      </c>
      <c r="AR71" s="9" t="s">
        <v>632</v>
      </c>
      <c r="AS71" s="9" t="s">
        <v>64</v>
      </c>
      <c r="AT71" s="9" t="s">
        <v>633</v>
      </c>
      <c r="AU71" s="9" t="s">
        <v>108</v>
      </c>
      <c r="AV71" s="9" t="s">
        <v>634</v>
      </c>
      <c r="AW71" s="9" t="s">
        <v>635</v>
      </c>
      <c r="AX71" s="9" t="s">
        <v>636</v>
      </c>
      <c r="AY71" s="9" t="s">
        <v>637</v>
      </c>
      <c r="AZ71" s="9" t="s">
        <v>638</v>
      </c>
    </row>
    <row r="72" spans="1:174" s="2" customFormat="1" ht="27" customHeight="1">
      <c r="A72" s="11">
        <v>2025</v>
      </c>
      <c r="B72" s="9">
        <v>130</v>
      </c>
      <c r="C72" s="16" t="s">
        <v>180</v>
      </c>
      <c r="D72" s="9" t="s">
        <v>461</v>
      </c>
      <c r="E72" s="9" t="s">
        <v>670</v>
      </c>
      <c r="F72" s="9" t="s">
        <v>671</v>
      </c>
      <c r="G72" s="9" t="s">
        <v>672</v>
      </c>
      <c r="H72" s="9" t="s">
        <v>673</v>
      </c>
      <c r="I72" s="9" t="s">
        <v>674</v>
      </c>
      <c r="J72" s="9">
        <v>72</v>
      </c>
      <c r="K72" s="9">
        <v>5.5</v>
      </c>
      <c r="L72" s="9">
        <v>785</v>
      </c>
      <c r="M72" s="9"/>
      <c r="N72" s="9" t="s">
        <v>675</v>
      </c>
      <c r="O72" s="9" t="s">
        <v>676</v>
      </c>
      <c r="P72" s="9" t="s">
        <v>677</v>
      </c>
      <c r="Q72" s="9" t="s">
        <v>539</v>
      </c>
      <c r="R72" s="9" t="s">
        <v>64</v>
      </c>
      <c r="S72" s="9" t="s">
        <v>134</v>
      </c>
      <c r="T72" s="9" t="s">
        <v>65</v>
      </c>
      <c r="U72" s="9" t="s">
        <v>65</v>
      </c>
      <c r="V72" s="9" t="s">
        <v>65</v>
      </c>
      <c r="W72" s="9" t="s">
        <v>67</v>
      </c>
      <c r="X72" s="9" t="s">
        <v>65</v>
      </c>
      <c r="Y72" s="9" t="s">
        <v>65</v>
      </c>
      <c r="Z72" s="9" t="s">
        <v>65</v>
      </c>
      <c r="AA72" s="9" t="s">
        <v>65</v>
      </c>
      <c r="AB72" s="9" t="s">
        <v>65</v>
      </c>
      <c r="AC72" s="9" t="s">
        <v>65</v>
      </c>
      <c r="AD72" s="9" t="s">
        <v>65</v>
      </c>
      <c r="AE72" s="9" t="s">
        <v>65</v>
      </c>
      <c r="AF72" s="9" t="s">
        <v>65</v>
      </c>
      <c r="AG72" s="9" t="s">
        <v>65</v>
      </c>
      <c r="AH72" s="9" t="s">
        <v>65</v>
      </c>
      <c r="AI72" s="9" t="s">
        <v>65</v>
      </c>
      <c r="AJ72" s="9" t="s">
        <v>65</v>
      </c>
      <c r="AK72" s="9" t="s">
        <v>65</v>
      </c>
      <c r="AL72" s="9" t="s">
        <v>65</v>
      </c>
      <c r="AM72" s="9" t="s">
        <v>65</v>
      </c>
      <c r="AN72" s="9" t="s">
        <v>65</v>
      </c>
      <c r="AO72" s="9" t="s">
        <v>65</v>
      </c>
      <c r="AP72" s="9" t="s">
        <v>65</v>
      </c>
      <c r="AQ72" s="9" t="s">
        <v>67</v>
      </c>
      <c r="AR72" s="9" t="s">
        <v>678</v>
      </c>
      <c r="AS72" s="9" t="s">
        <v>64</v>
      </c>
      <c r="AT72" s="9" t="s">
        <v>134</v>
      </c>
      <c r="AU72" s="9" t="s">
        <v>108</v>
      </c>
      <c r="AV72" s="9" t="s">
        <v>679</v>
      </c>
      <c r="AW72" s="9" t="s">
        <v>680</v>
      </c>
      <c r="AX72" s="9" t="s">
        <v>681</v>
      </c>
      <c r="AY72" s="9" t="s">
        <v>682</v>
      </c>
      <c r="AZ72" s="9" t="s">
        <v>683</v>
      </c>
    </row>
    <row r="73" spans="1:174" s="2" customFormat="1" ht="27" customHeight="1">
      <c r="A73" s="11">
        <v>2025</v>
      </c>
      <c r="B73" s="9">
        <v>146</v>
      </c>
      <c r="C73" s="16" t="s">
        <v>180</v>
      </c>
      <c r="D73" s="9" t="s">
        <v>461</v>
      </c>
      <c r="E73" s="9" t="s">
        <v>879</v>
      </c>
      <c r="F73" s="9" t="s">
        <v>880</v>
      </c>
      <c r="G73" s="9" t="s">
        <v>881</v>
      </c>
      <c r="H73" s="9" t="s">
        <v>882</v>
      </c>
      <c r="I73" s="9" t="s">
        <v>295</v>
      </c>
      <c r="J73" s="9">
        <v>72</v>
      </c>
      <c r="K73" s="9">
        <v>5.5</v>
      </c>
      <c r="L73" s="9">
        <v>0</v>
      </c>
      <c r="M73" s="9" t="s">
        <v>86</v>
      </c>
      <c r="N73" s="9" t="s">
        <v>883</v>
      </c>
      <c r="O73" s="9">
        <v>0</v>
      </c>
      <c r="P73" s="9">
        <v>2.5</v>
      </c>
      <c r="Q73" s="9" t="s">
        <v>89</v>
      </c>
      <c r="R73" s="9" t="s">
        <v>64</v>
      </c>
      <c r="S73" s="9">
        <v>0</v>
      </c>
      <c r="T73" s="9" t="s">
        <v>66</v>
      </c>
      <c r="U73" s="9" t="s">
        <v>66</v>
      </c>
      <c r="V73" s="9" t="s">
        <v>67</v>
      </c>
      <c r="W73" s="9" t="s">
        <v>67</v>
      </c>
      <c r="X73" s="9" t="s">
        <v>66</v>
      </c>
      <c r="Y73" s="9" t="s">
        <v>66</v>
      </c>
      <c r="Z73" s="9" t="s">
        <v>66</v>
      </c>
      <c r="AA73" s="9" t="s">
        <v>66</v>
      </c>
      <c r="AB73" s="9" t="s">
        <v>66</v>
      </c>
      <c r="AC73" s="9" t="s">
        <v>66</v>
      </c>
      <c r="AD73" s="9" t="s">
        <v>66</v>
      </c>
      <c r="AE73" s="9" t="s">
        <v>66</v>
      </c>
      <c r="AF73" s="9" t="s">
        <v>66</v>
      </c>
      <c r="AG73" s="9" t="s">
        <v>66</v>
      </c>
      <c r="AH73" s="9" t="s">
        <v>66</v>
      </c>
      <c r="AI73" s="9" t="s">
        <v>67</v>
      </c>
      <c r="AJ73" s="9" t="s">
        <v>67</v>
      </c>
      <c r="AK73" s="9" t="s">
        <v>67</v>
      </c>
      <c r="AL73" s="9" t="s">
        <v>67</v>
      </c>
      <c r="AM73" s="9" t="s">
        <v>67</v>
      </c>
      <c r="AN73" s="9" t="s">
        <v>67</v>
      </c>
      <c r="AO73" s="9" t="s">
        <v>67</v>
      </c>
      <c r="AP73" s="9" t="s">
        <v>67</v>
      </c>
      <c r="AQ73" s="9" t="s">
        <v>67</v>
      </c>
      <c r="AR73" s="9" t="s">
        <v>884</v>
      </c>
      <c r="AS73" s="9" t="s">
        <v>64</v>
      </c>
      <c r="AT73" s="9" t="s">
        <v>885</v>
      </c>
      <c r="AU73" s="9" t="s">
        <v>162</v>
      </c>
      <c r="AV73" s="9" t="s">
        <v>886</v>
      </c>
      <c r="AW73" s="9" t="s">
        <v>655</v>
      </c>
      <c r="AX73" s="9" t="s">
        <v>655</v>
      </c>
      <c r="AY73" s="9" t="s">
        <v>387</v>
      </c>
      <c r="AZ73" s="9" t="s">
        <v>387</v>
      </c>
    </row>
    <row r="74" spans="1:174" s="2" customFormat="1" ht="27" customHeight="1">
      <c r="A74" s="11">
        <v>2025</v>
      </c>
      <c r="B74" s="9">
        <v>517</v>
      </c>
      <c r="C74" s="16" t="s">
        <v>180</v>
      </c>
      <c r="D74" s="9" t="s">
        <v>461</v>
      </c>
      <c r="E74" s="9" t="s">
        <v>887</v>
      </c>
      <c r="F74" s="9" t="s">
        <v>888</v>
      </c>
      <c r="G74" s="9" t="s">
        <v>889</v>
      </c>
      <c r="H74" s="9" t="s">
        <v>890</v>
      </c>
      <c r="I74" s="9" t="s">
        <v>891</v>
      </c>
      <c r="J74" s="9">
        <v>0</v>
      </c>
      <c r="K74" s="9">
        <v>0</v>
      </c>
      <c r="L74" s="9">
        <v>0</v>
      </c>
      <c r="M74" s="9"/>
      <c r="N74" s="9" t="s">
        <v>222</v>
      </c>
      <c r="O74" s="9" t="s">
        <v>222</v>
      </c>
      <c r="P74" s="9" t="s">
        <v>222</v>
      </c>
      <c r="Q74" s="9" t="s">
        <v>121</v>
      </c>
      <c r="R74" s="9" t="s">
        <v>64</v>
      </c>
      <c r="S74" s="9" t="s">
        <v>222</v>
      </c>
      <c r="T74" s="9" t="s">
        <v>66</v>
      </c>
      <c r="U74" s="9" t="s">
        <v>66</v>
      </c>
      <c r="V74" s="9" t="s">
        <v>66</v>
      </c>
      <c r="W74" s="9" t="s">
        <v>67</v>
      </c>
      <c r="X74" s="9" t="s">
        <v>67</v>
      </c>
      <c r="Y74" s="9" t="s">
        <v>66</v>
      </c>
      <c r="Z74" s="9" t="s">
        <v>66</v>
      </c>
      <c r="AA74" s="9" t="s">
        <v>66</v>
      </c>
      <c r="AB74" s="9" t="s">
        <v>66</v>
      </c>
      <c r="AC74" s="9" t="s">
        <v>66</v>
      </c>
      <c r="AD74" s="9" t="s">
        <v>66</v>
      </c>
      <c r="AE74" s="9" t="s">
        <v>67</v>
      </c>
      <c r="AF74" s="9" t="s">
        <v>66</v>
      </c>
      <c r="AG74" s="9" t="s">
        <v>67</v>
      </c>
      <c r="AH74" s="9" t="s">
        <v>67</v>
      </c>
      <c r="AI74" s="9" t="s">
        <v>67</v>
      </c>
      <c r="AJ74" s="9" t="s">
        <v>67</v>
      </c>
      <c r="AK74" s="9" t="s">
        <v>67</v>
      </c>
      <c r="AL74" s="9" t="s">
        <v>67</v>
      </c>
      <c r="AM74" s="9" t="s">
        <v>67</v>
      </c>
      <c r="AN74" s="9" t="s">
        <v>67</v>
      </c>
      <c r="AO74" s="9" t="s">
        <v>67</v>
      </c>
      <c r="AP74" s="9" t="s">
        <v>67</v>
      </c>
      <c r="AQ74" s="9" t="s">
        <v>67</v>
      </c>
      <c r="AR74" s="9" t="s">
        <v>892</v>
      </c>
      <c r="AS74" s="9" t="s">
        <v>64</v>
      </c>
      <c r="AT74" s="9" t="s">
        <v>222</v>
      </c>
      <c r="AU74" s="9" t="s">
        <v>108</v>
      </c>
      <c r="AV74" s="9" t="s">
        <v>893</v>
      </c>
      <c r="AW74" s="9" t="s">
        <v>894</v>
      </c>
      <c r="AX74" s="9" t="s">
        <v>164</v>
      </c>
      <c r="AY74" s="9" t="s">
        <v>895</v>
      </c>
      <c r="AZ74" s="9" t="s">
        <v>896</v>
      </c>
    </row>
    <row r="75" spans="1:174" s="32" customFormat="1" ht="27" customHeight="1">
      <c r="A75" s="11">
        <v>2025</v>
      </c>
      <c r="B75" s="9">
        <v>223</v>
      </c>
      <c r="C75" s="16" t="s">
        <v>180</v>
      </c>
      <c r="D75" s="9" t="s">
        <v>461</v>
      </c>
      <c r="E75" s="9" t="s">
        <v>1069</v>
      </c>
      <c r="F75" s="9" t="s">
        <v>1070</v>
      </c>
      <c r="G75" s="9" t="s">
        <v>1071</v>
      </c>
      <c r="H75" s="9" t="s">
        <v>1072</v>
      </c>
      <c r="I75" s="9" t="s">
        <v>1073</v>
      </c>
      <c r="J75" s="9">
        <v>60</v>
      </c>
      <c r="K75" s="9">
        <v>0</v>
      </c>
      <c r="L75" s="9">
        <v>0</v>
      </c>
      <c r="M75" s="9" t="s">
        <v>196</v>
      </c>
      <c r="N75" s="9" t="s">
        <v>1074</v>
      </c>
      <c r="O75" s="9" t="s">
        <v>1075</v>
      </c>
      <c r="P75" s="9" t="s">
        <v>1075</v>
      </c>
      <c r="Q75" s="9" t="s">
        <v>121</v>
      </c>
      <c r="R75" s="9" t="s">
        <v>64</v>
      </c>
      <c r="S75" s="9">
        <v>0</v>
      </c>
      <c r="T75" s="9" t="s">
        <v>66</v>
      </c>
      <c r="U75" s="9" t="s">
        <v>67</v>
      </c>
      <c r="V75" s="9" t="s">
        <v>67</v>
      </c>
      <c r="W75" s="9" t="s">
        <v>67</v>
      </c>
      <c r="X75" s="9" t="s">
        <v>66</v>
      </c>
      <c r="Y75" s="9" t="s">
        <v>67</v>
      </c>
      <c r="Z75" s="9" t="s">
        <v>67</v>
      </c>
      <c r="AA75" s="9" t="s">
        <v>67</v>
      </c>
      <c r="AB75" s="9" t="s">
        <v>67</v>
      </c>
      <c r="AC75" s="9" t="s">
        <v>67</v>
      </c>
      <c r="AD75" s="9" t="s">
        <v>67</v>
      </c>
      <c r="AE75" s="9" t="s">
        <v>67</v>
      </c>
      <c r="AF75" s="9" t="s">
        <v>67</v>
      </c>
      <c r="AG75" s="9" t="s">
        <v>67</v>
      </c>
      <c r="AH75" s="9" t="s">
        <v>67</v>
      </c>
      <c r="AI75" s="9" t="s">
        <v>67</v>
      </c>
      <c r="AJ75" s="9" t="s">
        <v>67</v>
      </c>
      <c r="AK75" s="9" t="s">
        <v>67</v>
      </c>
      <c r="AL75" s="9" t="s">
        <v>67</v>
      </c>
      <c r="AM75" s="9" t="s">
        <v>67</v>
      </c>
      <c r="AN75" s="9" t="s">
        <v>67</v>
      </c>
      <c r="AO75" s="9" t="s">
        <v>67</v>
      </c>
      <c r="AP75" s="9" t="s">
        <v>67</v>
      </c>
      <c r="AQ75" s="9" t="s">
        <v>67</v>
      </c>
      <c r="AR75" s="9" t="s">
        <v>1076</v>
      </c>
      <c r="AS75" s="24" t="s">
        <v>90</v>
      </c>
      <c r="AT75" s="9">
        <v>0</v>
      </c>
      <c r="AU75" s="9" t="s">
        <v>162</v>
      </c>
      <c r="AV75" s="9" t="s">
        <v>1077</v>
      </c>
      <c r="AW75" s="9" t="s">
        <v>1078</v>
      </c>
      <c r="AX75" s="9" t="s">
        <v>1079</v>
      </c>
      <c r="AY75" s="9" t="s">
        <v>1080</v>
      </c>
      <c r="AZ75" s="9" t="s">
        <v>1080</v>
      </c>
      <c r="BA75" s="2"/>
      <c r="BB75" s="2"/>
      <c r="BC75" s="2"/>
      <c r="BD75" s="2"/>
      <c r="BE75" s="2"/>
      <c r="BF75" s="2"/>
      <c r="BG75" s="2"/>
      <c r="BH75" s="2"/>
      <c r="BI75" s="2"/>
      <c r="BJ75" s="2"/>
      <c r="BK75" s="2"/>
      <c r="BL75" s="2"/>
      <c r="BM75" s="2"/>
      <c r="BN75" s="2"/>
      <c r="BO75" s="2"/>
      <c r="BP75" s="2"/>
      <c r="BQ75" s="2"/>
      <c r="BR75" s="2"/>
      <c r="BS75" s="2"/>
      <c r="BT75" s="2"/>
      <c r="BU75" s="2"/>
      <c r="BV75" s="2"/>
      <c r="BW75" s="2"/>
      <c r="BX75" s="2"/>
      <c r="BY75" s="2"/>
      <c r="BZ75" s="2"/>
      <c r="CA75" s="2"/>
      <c r="CB75" s="2"/>
      <c r="CC75" s="2"/>
      <c r="CD75" s="2"/>
      <c r="CE75" s="2"/>
      <c r="CF75" s="2"/>
      <c r="CG75" s="2"/>
      <c r="CH75" s="2"/>
      <c r="CI75" s="2"/>
      <c r="CJ75" s="2"/>
      <c r="CK75" s="2"/>
      <c r="CL75" s="2"/>
      <c r="CM75" s="2"/>
      <c r="CN75" s="2"/>
      <c r="CO75" s="2"/>
      <c r="CP75" s="2"/>
      <c r="CQ75" s="2"/>
      <c r="CR75" s="2"/>
      <c r="CS75" s="2"/>
      <c r="CT75" s="2"/>
      <c r="CU75" s="2"/>
      <c r="CV75" s="2"/>
      <c r="CW75" s="2"/>
      <c r="CX75" s="2"/>
      <c r="CY75" s="2"/>
      <c r="CZ75" s="2"/>
      <c r="DA75" s="2"/>
      <c r="DB75" s="2"/>
      <c r="DC75" s="2"/>
      <c r="DD75" s="2"/>
      <c r="DE75" s="2"/>
      <c r="DF75" s="2"/>
      <c r="DG75" s="2"/>
      <c r="DH75" s="2"/>
      <c r="DI75" s="2"/>
      <c r="DJ75" s="2"/>
      <c r="DK75" s="2"/>
      <c r="DL75" s="2"/>
      <c r="DM75" s="2"/>
      <c r="DN75" s="2"/>
      <c r="DO75" s="2"/>
      <c r="DP75" s="2"/>
      <c r="DQ75" s="2"/>
      <c r="DR75" s="2"/>
      <c r="DS75" s="2"/>
      <c r="DT75" s="2"/>
      <c r="DU75" s="2"/>
      <c r="DV75" s="2"/>
      <c r="DW75" s="2"/>
      <c r="DX75" s="2"/>
      <c r="DY75" s="2"/>
      <c r="DZ75" s="2"/>
      <c r="EA75" s="2"/>
      <c r="EB75" s="2"/>
      <c r="EC75" s="2"/>
      <c r="ED75" s="2"/>
      <c r="EE75" s="2"/>
      <c r="EF75" s="2"/>
      <c r="EG75" s="2"/>
      <c r="EH75" s="2"/>
      <c r="EI75" s="2"/>
      <c r="EJ75" s="2"/>
      <c r="EK75" s="2"/>
      <c r="EL75" s="2"/>
      <c r="EM75" s="2"/>
      <c r="EN75" s="2"/>
      <c r="EO75" s="2"/>
      <c r="EP75" s="2"/>
      <c r="EQ75" s="2"/>
      <c r="ER75" s="2"/>
      <c r="ES75" s="2"/>
      <c r="ET75" s="2"/>
      <c r="EU75" s="2"/>
      <c r="EV75" s="2"/>
      <c r="EW75" s="2"/>
      <c r="EX75" s="2"/>
      <c r="EY75" s="2"/>
      <c r="EZ75" s="2"/>
      <c r="FA75" s="2"/>
      <c r="FB75" s="2"/>
      <c r="FC75" s="2"/>
      <c r="FD75" s="2"/>
      <c r="FE75" s="2"/>
      <c r="FF75" s="2"/>
      <c r="FG75" s="2"/>
      <c r="FH75" s="2"/>
      <c r="FI75" s="2"/>
      <c r="FJ75" s="2"/>
      <c r="FK75" s="2"/>
      <c r="FL75" s="2"/>
      <c r="FM75" s="2"/>
      <c r="FN75" s="2"/>
      <c r="FO75" s="2"/>
      <c r="FP75" s="2"/>
      <c r="FQ75" s="2"/>
      <c r="FR75" s="2"/>
    </row>
    <row r="76" spans="1:174" s="2" customFormat="1" ht="27" customHeight="1">
      <c r="A76" s="11">
        <v>2025</v>
      </c>
      <c r="B76" s="9">
        <v>265</v>
      </c>
      <c r="C76" s="16" t="s">
        <v>180</v>
      </c>
      <c r="D76" s="9" t="s">
        <v>461</v>
      </c>
      <c r="E76" s="9" t="s">
        <v>462</v>
      </c>
      <c r="F76" s="9" t="s">
        <v>1148</v>
      </c>
      <c r="G76" s="9" t="s">
        <v>1149</v>
      </c>
      <c r="H76" s="9" t="s">
        <v>1150</v>
      </c>
      <c r="I76" s="9" t="s">
        <v>1151</v>
      </c>
      <c r="J76" s="9">
        <v>72</v>
      </c>
      <c r="K76" s="9">
        <v>5.5</v>
      </c>
      <c r="L76" s="9">
        <v>750</v>
      </c>
      <c r="M76" s="9"/>
      <c r="N76" s="9" t="s">
        <v>1152</v>
      </c>
      <c r="O76" s="9" t="s">
        <v>222</v>
      </c>
      <c r="P76" s="9" t="s">
        <v>1153</v>
      </c>
      <c r="Q76" s="9" t="s">
        <v>539</v>
      </c>
      <c r="R76" s="9" t="s">
        <v>64</v>
      </c>
      <c r="S76" s="9">
        <v>0</v>
      </c>
      <c r="T76" s="9" t="s">
        <v>65</v>
      </c>
      <c r="U76" s="9" t="s">
        <v>65</v>
      </c>
      <c r="V76" s="9" t="s">
        <v>65</v>
      </c>
      <c r="W76" s="9" t="s">
        <v>67</v>
      </c>
      <c r="X76" s="9" t="s">
        <v>65</v>
      </c>
      <c r="Y76" s="9" t="s">
        <v>67</v>
      </c>
      <c r="Z76" s="9" t="s">
        <v>67</v>
      </c>
      <c r="AA76" s="9" t="s">
        <v>65</v>
      </c>
      <c r="AB76" s="9" t="s">
        <v>65</v>
      </c>
      <c r="AC76" s="9" t="s">
        <v>65</v>
      </c>
      <c r="AD76" s="9" t="s">
        <v>65</v>
      </c>
      <c r="AE76" s="9" t="s">
        <v>65</v>
      </c>
      <c r="AF76" s="9" t="s">
        <v>67</v>
      </c>
      <c r="AG76" s="9" t="s">
        <v>67</v>
      </c>
      <c r="AH76" s="9" t="s">
        <v>65</v>
      </c>
      <c r="AI76" s="9" t="s">
        <v>67</v>
      </c>
      <c r="AJ76" s="9" t="s">
        <v>67</v>
      </c>
      <c r="AK76" s="9" t="s">
        <v>65</v>
      </c>
      <c r="AL76" s="9" t="s">
        <v>65</v>
      </c>
      <c r="AM76" s="9" t="s">
        <v>65</v>
      </c>
      <c r="AN76" s="9" t="s">
        <v>67</v>
      </c>
      <c r="AO76" s="9" t="s">
        <v>67</v>
      </c>
      <c r="AP76" s="9" t="s">
        <v>67</v>
      </c>
      <c r="AQ76" s="9" t="s">
        <v>67</v>
      </c>
      <c r="AR76" s="9" t="s">
        <v>1154</v>
      </c>
      <c r="AS76" s="9" t="s">
        <v>64</v>
      </c>
      <c r="AT76" s="9" t="s">
        <v>1155</v>
      </c>
      <c r="AU76" s="9" t="s">
        <v>108</v>
      </c>
      <c r="AV76" s="9" t="s">
        <v>1156</v>
      </c>
      <c r="AW76" s="9" t="s">
        <v>1157</v>
      </c>
      <c r="AX76" s="9" t="s">
        <v>1158</v>
      </c>
      <c r="AY76" s="9" t="s">
        <v>1159</v>
      </c>
      <c r="AZ76" s="9" t="s">
        <v>1160</v>
      </c>
    </row>
    <row r="77" spans="1:174" s="2" customFormat="1" ht="27" customHeight="1">
      <c r="A77" s="11">
        <v>2025</v>
      </c>
      <c r="B77" s="9">
        <v>163</v>
      </c>
      <c r="C77" s="16" t="s">
        <v>180</v>
      </c>
      <c r="D77" s="9" t="s">
        <v>461</v>
      </c>
      <c r="E77" s="9" t="s">
        <v>1630</v>
      </c>
      <c r="F77" s="9" t="s">
        <v>1631</v>
      </c>
      <c r="G77" s="9" t="s">
        <v>1632</v>
      </c>
      <c r="H77" s="9" t="s">
        <v>1633</v>
      </c>
      <c r="I77" s="9" t="s">
        <v>1634</v>
      </c>
      <c r="J77" s="9">
        <v>0</v>
      </c>
      <c r="K77" s="9">
        <v>0</v>
      </c>
      <c r="L77" s="9">
        <v>0</v>
      </c>
      <c r="M77" s="9"/>
      <c r="N77" s="9" t="s">
        <v>1635</v>
      </c>
      <c r="O77" s="9" t="s">
        <v>222</v>
      </c>
      <c r="P77" s="9" t="s">
        <v>222</v>
      </c>
      <c r="Q77" s="9" t="s">
        <v>209</v>
      </c>
      <c r="R77" s="9" t="s">
        <v>64</v>
      </c>
      <c r="S77" s="9">
        <v>0</v>
      </c>
      <c r="T77" s="9" t="s">
        <v>65</v>
      </c>
      <c r="U77" s="9" t="s">
        <v>65</v>
      </c>
      <c r="V77" s="9" t="s">
        <v>67</v>
      </c>
      <c r="W77" s="9" t="s">
        <v>67</v>
      </c>
      <c r="X77" s="9" t="s">
        <v>65</v>
      </c>
      <c r="Y77" s="9" t="s">
        <v>65</v>
      </c>
      <c r="Z77" s="9" t="s">
        <v>65</v>
      </c>
      <c r="AA77" s="9" t="s">
        <v>65</v>
      </c>
      <c r="AB77" s="9" t="s">
        <v>65</v>
      </c>
      <c r="AC77" s="9" t="s">
        <v>65</v>
      </c>
      <c r="AD77" s="9" t="s">
        <v>65</v>
      </c>
      <c r="AE77" s="9" t="s">
        <v>65</v>
      </c>
      <c r="AF77" s="9" t="s">
        <v>65</v>
      </c>
      <c r="AG77" s="9" t="s">
        <v>67</v>
      </c>
      <c r="AH77" s="9" t="s">
        <v>67</v>
      </c>
      <c r="AI77" s="9" t="s">
        <v>67</v>
      </c>
      <c r="AJ77" s="9" t="s">
        <v>67</v>
      </c>
      <c r="AK77" s="9" t="s">
        <v>67</v>
      </c>
      <c r="AL77" s="9" t="s">
        <v>67</v>
      </c>
      <c r="AM77" s="9" t="s">
        <v>67</v>
      </c>
      <c r="AN77" s="9" t="s">
        <v>67</v>
      </c>
      <c r="AO77" s="9" t="s">
        <v>67</v>
      </c>
      <c r="AP77" s="9" t="s">
        <v>67</v>
      </c>
      <c r="AQ77" s="9" t="s">
        <v>67</v>
      </c>
      <c r="AR77" s="9" t="s">
        <v>1636</v>
      </c>
      <c r="AS77" s="9" t="s">
        <v>64</v>
      </c>
      <c r="AT77" s="9" t="s">
        <v>1637</v>
      </c>
      <c r="AU77" s="9" t="s">
        <v>108</v>
      </c>
      <c r="AV77" s="9" t="s">
        <v>1638</v>
      </c>
      <c r="AW77" s="9" t="s">
        <v>1639</v>
      </c>
      <c r="AX77" s="9" t="s">
        <v>1639</v>
      </c>
      <c r="AY77" s="9" t="s">
        <v>1640</v>
      </c>
      <c r="AZ77" s="9" t="s">
        <v>1640</v>
      </c>
    </row>
    <row r="78" spans="1:174" s="2" customFormat="1" ht="27" customHeight="1">
      <c r="A78" s="11">
        <v>2025</v>
      </c>
      <c r="B78" s="9">
        <v>165</v>
      </c>
      <c r="C78" s="16" t="s">
        <v>180</v>
      </c>
      <c r="D78" s="9" t="s">
        <v>461</v>
      </c>
      <c r="E78" s="9" t="s">
        <v>1739</v>
      </c>
      <c r="F78" s="9" t="s">
        <v>1740</v>
      </c>
      <c r="G78" s="9" t="s">
        <v>1741</v>
      </c>
      <c r="H78" s="9" t="s">
        <v>1742</v>
      </c>
      <c r="I78" s="9" t="s">
        <v>295</v>
      </c>
      <c r="J78" s="9">
        <v>0</v>
      </c>
      <c r="K78" s="9">
        <v>0</v>
      </c>
      <c r="L78" s="9">
        <v>0</v>
      </c>
      <c r="M78" s="9"/>
      <c r="N78" s="9" t="s">
        <v>1743</v>
      </c>
      <c r="O78" s="9" t="s">
        <v>1744</v>
      </c>
      <c r="P78" s="9" t="s">
        <v>1745</v>
      </c>
      <c r="Q78" s="9" t="s">
        <v>121</v>
      </c>
      <c r="R78" s="9" t="s">
        <v>64</v>
      </c>
      <c r="S78" s="9">
        <v>0</v>
      </c>
      <c r="T78" s="9" t="s">
        <v>66</v>
      </c>
      <c r="U78" s="9" t="s">
        <v>66</v>
      </c>
      <c r="V78" s="9" t="s">
        <v>67</v>
      </c>
      <c r="W78" s="9" t="s">
        <v>67</v>
      </c>
      <c r="X78" s="9" t="s">
        <v>66</v>
      </c>
      <c r="Y78" s="9" t="s">
        <v>66</v>
      </c>
      <c r="Z78" s="9" t="s">
        <v>66</v>
      </c>
      <c r="AA78" s="9" t="s">
        <v>66</v>
      </c>
      <c r="AB78" s="9" t="s">
        <v>66</v>
      </c>
      <c r="AC78" s="9" t="s">
        <v>66</v>
      </c>
      <c r="AD78" s="9" t="s">
        <v>66</v>
      </c>
      <c r="AE78" s="9" t="s">
        <v>66</v>
      </c>
      <c r="AF78" s="9" t="s">
        <v>66</v>
      </c>
      <c r="AG78" s="9" t="s">
        <v>66</v>
      </c>
      <c r="AH78" s="9" t="s">
        <v>67</v>
      </c>
      <c r="AI78" s="9" t="s">
        <v>67</v>
      </c>
      <c r="AJ78" s="9" t="s">
        <v>67</v>
      </c>
      <c r="AK78" s="9" t="s">
        <v>67</v>
      </c>
      <c r="AL78" s="9" t="s">
        <v>67</v>
      </c>
      <c r="AM78" s="9" t="s">
        <v>67</v>
      </c>
      <c r="AN78" s="9" t="s">
        <v>67</v>
      </c>
      <c r="AO78" s="9" t="s">
        <v>67</v>
      </c>
      <c r="AP78" s="9" t="s">
        <v>67</v>
      </c>
      <c r="AQ78" s="9" t="s">
        <v>67</v>
      </c>
      <c r="AR78" s="9" t="s">
        <v>1746</v>
      </c>
      <c r="AS78" s="9" t="s">
        <v>64</v>
      </c>
      <c r="AT78" s="9">
        <v>0</v>
      </c>
      <c r="AU78" s="9" t="s">
        <v>151</v>
      </c>
      <c r="AV78" s="9" t="s">
        <v>1747</v>
      </c>
      <c r="AW78" s="9" t="s">
        <v>111</v>
      </c>
      <c r="AX78" s="9" t="s">
        <v>1748</v>
      </c>
      <c r="AY78" s="9" t="s">
        <v>112</v>
      </c>
      <c r="AZ78" s="9" t="s">
        <v>1749</v>
      </c>
    </row>
    <row r="79" spans="1:174" s="2" customFormat="1" ht="27" customHeight="1">
      <c r="A79" s="18">
        <v>2021</v>
      </c>
      <c r="B79" s="13">
        <v>327</v>
      </c>
      <c r="C79" s="16" t="s">
        <v>180</v>
      </c>
      <c r="D79" s="13" t="s">
        <v>454</v>
      </c>
      <c r="E79" s="13" t="s">
        <v>455</v>
      </c>
      <c r="F79" s="9" t="s">
        <v>456</v>
      </c>
      <c r="G79" s="13" t="s">
        <v>457</v>
      </c>
      <c r="H79" s="19" t="s">
        <v>458</v>
      </c>
      <c r="I79" s="13" t="s">
        <v>359</v>
      </c>
      <c r="J79" s="13">
        <v>80</v>
      </c>
      <c r="K79" s="13">
        <v>6</v>
      </c>
      <c r="L79" s="13" t="s">
        <v>134</v>
      </c>
      <c r="M79" s="13" t="s">
        <v>134</v>
      </c>
      <c r="N79" s="13"/>
      <c r="O79" s="13"/>
      <c r="P79" s="13" t="s">
        <v>134</v>
      </c>
      <c r="Q79" s="13" t="s">
        <v>424</v>
      </c>
      <c r="R79" s="13"/>
      <c r="S79" s="13"/>
      <c r="T79" s="13" t="s">
        <v>66</v>
      </c>
      <c r="U79" s="13" t="s">
        <v>66</v>
      </c>
      <c r="V79" s="13" t="s">
        <v>66</v>
      </c>
      <c r="W79" s="13" t="s">
        <v>66</v>
      </c>
      <c r="X79" s="13"/>
      <c r="Y79" s="13"/>
      <c r="Z79" s="13"/>
      <c r="AA79" s="13"/>
      <c r="AB79" s="13"/>
      <c r="AC79" s="13"/>
      <c r="AD79" s="13"/>
      <c r="AE79" s="13"/>
      <c r="AF79" s="13"/>
      <c r="AG79" s="13"/>
      <c r="AH79" s="13"/>
      <c r="AI79" s="13"/>
      <c r="AJ79" s="13" t="s">
        <v>66</v>
      </c>
      <c r="AK79" s="13"/>
      <c r="AL79" s="13"/>
      <c r="AM79" s="13"/>
      <c r="AN79" s="13"/>
      <c r="AO79" s="13"/>
      <c r="AP79" s="13"/>
      <c r="AQ79" s="13"/>
      <c r="AR79" s="14" t="s">
        <v>459</v>
      </c>
      <c r="AS79" s="13" t="s">
        <v>435</v>
      </c>
      <c r="AT79" s="13"/>
      <c r="AU79" s="25"/>
      <c r="AV79" s="19"/>
      <c r="AW79" s="13" t="s">
        <v>460</v>
      </c>
      <c r="AX79" s="13" t="s">
        <v>460</v>
      </c>
      <c r="AY79" s="13" t="s">
        <v>460</v>
      </c>
      <c r="AZ79" s="13" t="s">
        <v>460</v>
      </c>
      <c r="BA79" s="15"/>
    </row>
    <row r="80" spans="1:174" s="2" customFormat="1" ht="27" customHeight="1">
      <c r="A80" s="18">
        <v>2023</v>
      </c>
      <c r="B80" s="13">
        <v>193</v>
      </c>
      <c r="C80" s="16" t="s">
        <v>180</v>
      </c>
      <c r="D80" s="13" t="s">
        <v>454</v>
      </c>
      <c r="E80" s="13" t="s">
        <v>739</v>
      </c>
      <c r="F80" s="9" t="s">
        <v>740</v>
      </c>
      <c r="G80" s="13" t="s">
        <v>741</v>
      </c>
      <c r="H80" s="19" t="s">
        <v>742</v>
      </c>
      <c r="I80" s="13" t="s">
        <v>743</v>
      </c>
      <c r="J80" s="13" t="s">
        <v>134</v>
      </c>
      <c r="K80" s="13" t="s">
        <v>134</v>
      </c>
      <c r="L80" s="13" t="s">
        <v>134</v>
      </c>
      <c r="M80" s="13" t="s">
        <v>134</v>
      </c>
      <c r="N80" s="13" t="s">
        <v>744</v>
      </c>
      <c r="O80" s="13"/>
      <c r="P80" s="13" t="s">
        <v>360</v>
      </c>
      <c r="Q80" s="13" t="s">
        <v>745</v>
      </c>
      <c r="R80" s="13"/>
      <c r="S80" s="13"/>
      <c r="T80" s="13" t="s">
        <v>66</v>
      </c>
      <c r="U80" s="13" t="s">
        <v>66</v>
      </c>
      <c r="V80" s="13"/>
      <c r="W80" s="13"/>
      <c r="X80" s="13"/>
      <c r="Y80" s="13"/>
      <c r="Z80" s="13"/>
      <c r="AA80" s="13"/>
      <c r="AB80" s="13"/>
      <c r="AC80" s="13"/>
      <c r="AD80" s="13"/>
      <c r="AE80" s="13"/>
      <c r="AF80" s="13"/>
      <c r="AG80" s="13"/>
      <c r="AH80" s="13"/>
      <c r="AI80" s="13"/>
      <c r="AJ80" s="13"/>
      <c r="AK80" s="13"/>
      <c r="AL80" s="13"/>
      <c r="AM80" s="13"/>
      <c r="AN80" s="13"/>
      <c r="AO80" s="13"/>
      <c r="AP80" s="13"/>
      <c r="AQ80" s="13"/>
      <c r="AR80" s="14" t="s">
        <v>742</v>
      </c>
      <c r="AS80" s="13" t="s">
        <v>745</v>
      </c>
      <c r="AT80" s="13"/>
      <c r="AU80" s="25"/>
      <c r="AV80" s="19"/>
      <c r="AW80" s="13" t="s">
        <v>746</v>
      </c>
      <c r="AX80" s="13" t="s">
        <v>747</v>
      </c>
      <c r="AY80" s="13" t="s">
        <v>748</v>
      </c>
      <c r="AZ80" s="13" t="s">
        <v>749</v>
      </c>
      <c r="BA80" s="15"/>
    </row>
    <row r="81" spans="1:174" s="35" customFormat="1" ht="27" customHeight="1">
      <c r="A81" s="11">
        <v>2025</v>
      </c>
      <c r="B81" s="9">
        <v>179</v>
      </c>
      <c r="C81" s="16" t="s">
        <v>180</v>
      </c>
      <c r="D81" s="9" t="s">
        <v>454</v>
      </c>
      <c r="E81" s="9" t="s">
        <v>1750</v>
      </c>
      <c r="F81" s="9" t="s">
        <v>1751</v>
      </c>
      <c r="G81" s="9" t="s">
        <v>1752</v>
      </c>
      <c r="H81" s="9" t="s">
        <v>1753</v>
      </c>
      <c r="I81" s="9" t="s">
        <v>1754</v>
      </c>
      <c r="J81" s="9">
        <v>72</v>
      </c>
      <c r="K81" s="9">
        <v>5.5</v>
      </c>
      <c r="L81" s="9">
        <v>0</v>
      </c>
      <c r="M81" s="9" t="s">
        <v>86</v>
      </c>
      <c r="N81" s="9" t="s">
        <v>1755</v>
      </c>
      <c r="O81" s="9" t="s">
        <v>1756</v>
      </c>
      <c r="P81" s="9" t="s">
        <v>1757</v>
      </c>
      <c r="Q81" s="9" t="s">
        <v>89</v>
      </c>
      <c r="R81" s="9" t="s">
        <v>64</v>
      </c>
      <c r="S81" s="9">
        <v>0</v>
      </c>
      <c r="T81" s="9" t="s">
        <v>66</v>
      </c>
      <c r="U81" s="9" t="s">
        <v>66</v>
      </c>
      <c r="V81" s="9" t="s">
        <v>66</v>
      </c>
      <c r="W81" s="9" t="s">
        <v>66</v>
      </c>
      <c r="X81" s="9" t="s">
        <v>67</v>
      </c>
      <c r="Y81" s="9" t="s">
        <v>67</v>
      </c>
      <c r="Z81" s="9" t="s">
        <v>67</v>
      </c>
      <c r="AA81" s="9" t="s">
        <v>66</v>
      </c>
      <c r="AB81" s="9" t="s">
        <v>66</v>
      </c>
      <c r="AC81" s="9" t="s">
        <v>67</v>
      </c>
      <c r="AD81" s="9" t="s">
        <v>67</v>
      </c>
      <c r="AE81" s="9" t="s">
        <v>67</v>
      </c>
      <c r="AF81" s="9" t="s">
        <v>66</v>
      </c>
      <c r="AG81" s="9" t="s">
        <v>67</v>
      </c>
      <c r="AH81" s="9" t="s">
        <v>67</v>
      </c>
      <c r="AI81" s="9" t="s">
        <v>67</v>
      </c>
      <c r="AJ81" s="9" t="s">
        <v>67</v>
      </c>
      <c r="AK81" s="9" t="s">
        <v>66</v>
      </c>
      <c r="AL81" s="9" t="s">
        <v>66</v>
      </c>
      <c r="AM81" s="9" t="s">
        <v>67</v>
      </c>
      <c r="AN81" s="9" t="s">
        <v>67</v>
      </c>
      <c r="AO81" s="9" t="s">
        <v>67</v>
      </c>
      <c r="AP81" s="9" t="s">
        <v>66</v>
      </c>
      <c r="AQ81" s="9" t="s">
        <v>67</v>
      </c>
      <c r="AR81" s="9" t="s">
        <v>1758</v>
      </c>
      <c r="AS81" s="9" t="s">
        <v>64</v>
      </c>
      <c r="AT81" s="9" t="s">
        <v>1759</v>
      </c>
      <c r="AU81" s="9" t="s">
        <v>151</v>
      </c>
      <c r="AV81" s="9">
        <v>0</v>
      </c>
      <c r="AW81" s="9" t="s">
        <v>1760</v>
      </c>
      <c r="AX81" s="9" t="s">
        <v>1761</v>
      </c>
      <c r="AY81" s="9" t="s">
        <v>1762</v>
      </c>
      <c r="AZ81" s="9" t="s">
        <v>1763</v>
      </c>
      <c r="BA81" s="2"/>
      <c r="BB81" s="2"/>
      <c r="BC81" s="2"/>
      <c r="BD81" s="2"/>
      <c r="BE81" s="2"/>
      <c r="BF81" s="2"/>
      <c r="BG81" s="2"/>
      <c r="BH81" s="2"/>
      <c r="BI81" s="2"/>
      <c r="BJ81" s="2"/>
      <c r="BK81" s="2"/>
      <c r="BL81" s="2"/>
      <c r="BM81" s="2"/>
      <c r="BN81" s="2"/>
      <c r="BO81" s="2"/>
      <c r="BP81" s="2"/>
      <c r="BQ81" s="2"/>
      <c r="BR81" s="2"/>
      <c r="BS81" s="2"/>
      <c r="BT81" s="2"/>
      <c r="BU81" s="2"/>
      <c r="BV81" s="2"/>
      <c r="BW81" s="2"/>
      <c r="BX81" s="2"/>
      <c r="BY81" s="2"/>
      <c r="BZ81" s="2"/>
      <c r="CA81" s="2"/>
      <c r="CB81" s="2"/>
      <c r="CC81" s="2"/>
      <c r="CD81" s="2"/>
      <c r="CE81" s="2"/>
      <c r="CF81" s="2"/>
      <c r="CG81" s="2"/>
      <c r="CH81" s="2"/>
      <c r="CI81" s="2"/>
      <c r="CJ81" s="2"/>
      <c r="CK81" s="2"/>
      <c r="CL81" s="2"/>
      <c r="CM81" s="2"/>
      <c r="CN81" s="2"/>
      <c r="CO81" s="2"/>
      <c r="CP81" s="2"/>
      <c r="CQ81" s="2"/>
      <c r="CR81" s="2"/>
      <c r="CS81" s="2"/>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row>
    <row r="82" spans="1:174" s="2" customFormat="1" ht="27" customHeight="1">
      <c r="A82" s="11">
        <v>2025</v>
      </c>
      <c r="B82" s="9">
        <v>653</v>
      </c>
      <c r="C82" s="60" t="s">
        <v>1932</v>
      </c>
      <c r="D82" s="9" t="s">
        <v>1899</v>
      </c>
      <c r="E82" s="9" t="s">
        <v>1900</v>
      </c>
      <c r="F82" s="9" t="s">
        <v>1901</v>
      </c>
      <c r="G82" s="9" t="s">
        <v>1902</v>
      </c>
      <c r="H82" s="9" t="s">
        <v>1903</v>
      </c>
      <c r="I82" s="9" t="s">
        <v>1904</v>
      </c>
      <c r="J82" s="9">
        <v>0</v>
      </c>
      <c r="K82" s="9">
        <v>0</v>
      </c>
      <c r="L82" s="9">
        <v>0</v>
      </c>
      <c r="M82" s="9" t="s">
        <v>1905</v>
      </c>
      <c r="N82" s="9" t="s">
        <v>1906</v>
      </c>
      <c r="O82" s="9" t="s">
        <v>136</v>
      </c>
      <c r="P82" s="9"/>
      <c r="Q82" s="9" t="s">
        <v>63</v>
      </c>
      <c r="R82" s="9" t="s">
        <v>1933</v>
      </c>
      <c r="S82" s="9"/>
      <c r="T82" s="9" t="s">
        <v>66</v>
      </c>
      <c r="U82" s="9" t="s">
        <v>66</v>
      </c>
      <c r="V82" s="9" t="s">
        <v>66</v>
      </c>
      <c r="W82" s="9" t="s">
        <v>68</v>
      </c>
      <c r="X82" s="9"/>
      <c r="Y82" s="9"/>
      <c r="Z82" s="9"/>
      <c r="AA82" s="9"/>
      <c r="AB82" s="9"/>
      <c r="AC82" s="9"/>
      <c r="AD82" s="9"/>
      <c r="AE82" s="9"/>
      <c r="AF82" s="9"/>
      <c r="AG82" s="9"/>
      <c r="AH82" s="9"/>
      <c r="AI82" s="9"/>
      <c r="AJ82" s="9"/>
      <c r="AK82" s="9"/>
      <c r="AL82" s="9"/>
      <c r="AM82" s="9"/>
      <c r="AN82" s="9"/>
      <c r="AO82" s="9"/>
      <c r="AP82" s="9"/>
      <c r="AQ82" s="9"/>
      <c r="AR82" s="9"/>
      <c r="AS82" s="9"/>
      <c r="AT82" s="9"/>
      <c r="AU82" s="9" t="s">
        <v>108</v>
      </c>
      <c r="AV82" s="9" t="s">
        <v>1907</v>
      </c>
      <c r="AW82" s="9" t="s">
        <v>1908</v>
      </c>
      <c r="AX82" s="9" t="s">
        <v>1909</v>
      </c>
      <c r="AY82" s="9" t="s">
        <v>1910</v>
      </c>
      <c r="AZ82" s="9" t="s">
        <v>1911</v>
      </c>
    </row>
    <row r="83" spans="1:174" s="36" customFormat="1" ht="27" customHeight="1">
      <c r="A83" s="11">
        <v>2025</v>
      </c>
      <c r="B83" s="9">
        <v>337</v>
      </c>
      <c r="C83" s="38" t="s">
        <v>1132</v>
      </c>
      <c r="D83" s="9" t="s">
        <v>1133</v>
      </c>
      <c r="E83" s="9" t="s">
        <v>1134</v>
      </c>
      <c r="F83" s="9" t="s">
        <v>1135</v>
      </c>
      <c r="G83" s="9" t="s">
        <v>1136</v>
      </c>
      <c r="H83" s="9" t="s">
        <v>1137</v>
      </c>
      <c r="I83" s="9" t="s">
        <v>1138</v>
      </c>
      <c r="J83" s="9">
        <v>0</v>
      </c>
      <c r="K83" s="9">
        <v>6.5</v>
      </c>
      <c r="L83" s="9">
        <v>0</v>
      </c>
      <c r="M83" s="9" t="s">
        <v>86</v>
      </c>
      <c r="N83" s="9" t="s">
        <v>67</v>
      </c>
      <c r="O83" s="9" t="s">
        <v>322</v>
      </c>
      <c r="P83" s="9">
        <v>2.5</v>
      </c>
      <c r="Q83" s="9" t="s">
        <v>89</v>
      </c>
      <c r="R83" s="9" t="s">
        <v>64</v>
      </c>
      <c r="S83" s="9">
        <v>0</v>
      </c>
      <c r="T83" s="9" t="s">
        <v>66</v>
      </c>
      <c r="U83" s="9" t="s">
        <v>66</v>
      </c>
      <c r="V83" s="9" t="s">
        <v>66</v>
      </c>
      <c r="W83" s="9" t="s">
        <v>67</v>
      </c>
      <c r="X83" s="9" t="s">
        <v>66</v>
      </c>
      <c r="Y83" s="9" t="s">
        <v>67</v>
      </c>
      <c r="Z83" s="9" t="s">
        <v>67</v>
      </c>
      <c r="AA83" s="9" t="s">
        <v>67</v>
      </c>
      <c r="AB83" s="9" t="s">
        <v>67</v>
      </c>
      <c r="AC83" s="9" t="s">
        <v>67</v>
      </c>
      <c r="AD83" s="9" t="s">
        <v>67</v>
      </c>
      <c r="AE83" s="9" t="s">
        <v>67</v>
      </c>
      <c r="AF83" s="9" t="s">
        <v>67</v>
      </c>
      <c r="AG83" s="9" t="s">
        <v>67</v>
      </c>
      <c r="AH83" s="9" t="s">
        <v>66</v>
      </c>
      <c r="AI83" s="9" t="s">
        <v>67</v>
      </c>
      <c r="AJ83" s="9" t="s">
        <v>67</v>
      </c>
      <c r="AK83" s="9" t="s">
        <v>67</v>
      </c>
      <c r="AL83" s="9" t="s">
        <v>67</v>
      </c>
      <c r="AM83" s="9" t="s">
        <v>67</v>
      </c>
      <c r="AN83" s="9" t="s">
        <v>67</v>
      </c>
      <c r="AO83" s="9" t="s">
        <v>67</v>
      </c>
      <c r="AP83" s="9" t="s">
        <v>67</v>
      </c>
      <c r="AQ83" s="9" t="s">
        <v>67</v>
      </c>
      <c r="AR83" s="9" t="s">
        <v>1137</v>
      </c>
      <c r="AS83" s="24" t="s">
        <v>90</v>
      </c>
      <c r="AT83" s="9" t="s">
        <v>1139</v>
      </c>
      <c r="AU83" s="9" t="s">
        <v>162</v>
      </c>
      <c r="AV83" s="9" t="s">
        <v>1140</v>
      </c>
      <c r="AW83" s="9" t="s">
        <v>1141</v>
      </c>
      <c r="AX83" s="9" t="s">
        <v>1142</v>
      </c>
      <c r="AY83" s="9" t="s">
        <v>1143</v>
      </c>
      <c r="AZ83" s="9" t="s">
        <v>1142</v>
      </c>
      <c r="BA83" s="2"/>
      <c r="BB83" s="2"/>
      <c r="BC83" s="2"/>
      <c r="BD83" s="2"/>
      <c r="BE83" s="2"/>
      <c r="BF83" s="2"/>
      <c r="BG83" s="2"/>
      <c r="BH83" s="2"/>
      <c r="BI83" s="2"/>
      <c r="BJ83" s="2"/>
      <c r="BK83" s="2"/>
      <c r="BL83" s="2"/>
      <c r="BM83" s="2"/>
      <c r="BN83" s="2"/>
      <c r="BO83" s="2"/>
      <c r="BP83" s="2"/>
      <c r="BQ83" s="2"/>
      <c r="BR83" s="2"/>
      <c r="BS83" s="2"/>
      <c r="BT83" s="2"/>
      <c r="BU83" s="2"/>
      <c r="BV83" s="2"/>
      <c r="BW83" s="2"/>
      <c r="BX83" s="2"/>
      <c r="BY83" s="2"/>
      <c r="BZ83" s="2"/>
      <c r="CA83" s="2"/>
      <c r="CB83" s="2"/>
      <c r="CC83" s="2"/>
      <c r="CD83" s="2"/>
      <c r="CE83" s="2"/>
      <c r="CF83" s="2"/>
      <c r="CG83" s="2"/>
      <c r="CH83" s="2"/>
      <c r="CI83" s="2"/>
      <c r="CJ83" s="2"/>
      <c r="CK83" s="2"/>
      <c r="CL83" s="2"/>
      <c r="CM83" s="2"/>
      <c r="CN83" s="2"/>
      <c r="CO83" s="2"/>
      <c r="CP83" s="2"/>
      <c r="CQ83" s="2"/>
      <c r="CR83" s="2"/>
      <c r="CS83" s="2"/>
      <c r="CT83" s="2"/>
      <c r="CU83" s="2"/>
      <c r="CV83" s="2"/>
      <c r="CW83" s="2"/>
      <c r="CX83" s="2"/>
      <c r="CY83" s="2"/>
      <c r="CZ83" s="2"/>
      <c r="DA83" s="2"/>
      <c r="DB83" s="2"/>
      <c r="DC83" s="2"/>
      <c r="DD83" s="2"/>
      <c r="DE83" s="2"/>
      <c r="DF83" s="2"/>
      <c r="DG83" s="2"/>
      <c r="DH83" s="2"/>
      <c r="DI83" s="2"/>
      <c r="DJ83" s="2"/>
      <c r="DK83" s="2"/>
      <c r="DL83" s="2"/>
      <c r="DM83" s="2"/>
      <c r="DN83" s="2"/>
      <c r="DO83" s="2"/>
      <c r="DP83" s="2"/>
      <c r="DQ83" s="2"/>
      <c r="DR83" s="2"/>
      <c r="DS83" s="2"/>
      <c r="DT83" s="2"/>
      <c r="DU83" s="2"/>
      <c r="DV83" s="2"/>
      <c r="DW83" s="2"/>
      <c r="DX83" s="2"/>
      <c r="DY83" s="2"/>
      <c r="DZ83" s="2"/>
      <c r="EA83" s="2"/>
      <c r="EB83" s="2"/>
      <c r="EC83" s="2"/>
      <c r="ED83" s="2"/>
      <c r="EE83" s="2"/>
      <c r="EF83" s="2"/>
      <c r="EG83" s="2"/>
      <c r="EH83" s="2"/>
      <c r="EI83" s="2"/>
      <c r="EJ83" s="2"/>
      <c r="EK83" s="2"/>
      <c r="EL83" s="2"/>
      <c r="EM83" s="2"/>
      <c r="EN83" s="2"/>
      <c r="EO83" s="2"/>
      <c r="EP83" s="2"/>
      <c r="EQ83" s="2"/>
      <c r="ER83" s="2"/>
      <c r="ES83" s="2"/>
      <c r="ET83" s="2"/>
      <c r="EU83" s="2"/>
      <c r="EV83" s="2"/>
      <c r="EW83" s="2"/>
      <c r="EX83" s="2"/>
      <c r="EY83" s="2"/>
      <c r="EZ83" s="2"/>
      <c r="FA83" s="2"/>
      <c r="FB83" s="2"/>
      <c r="FC83" s="2"/>
      <c r="FD83" s="2"/>
      <c r="FE83" s="2"/>
      <c r="FF83" s="2"/>
      <c r="FG83" s="2"/>
      <c r="FH83" s="2"/>
      <c r="FI83" s="2"/>
      <c r="FJ83" s="2"/>
      <c r="FK83" s="2"/>
      <c r="FL83" s="2"/>
      <c r="FM83" s="2"/>
      <c r="FN83" s="2"/>
      <c r="FO83" s="2"/>
      <c r="FP83" s="2"/>
      <c r="FQ83" s="2"/>
      <c r="FR83" s="2"/>
    </row>
    <row r="84" spans="1:174" s="32" customFormat="1" ht="27" customHeight="1">
      <c r="A84" s="18">
        <v>2020</v>
      </c>
      <c r="B84" s="13">
        <v>262</v>
      </c>
      <c r="C84" s="38" t="s">
        <v>1132</v>
      </c>
      <c r="D84" s="13" t="s">
        <v>1133</v>
      </c>
      <c r="E84" s="13" t="s">
        <v>1179</v>
      </c>
      <c r="F84" s="9" t="s">
        <v>1180</v>
      </c>
      <c r="G84" s="13" t="s">
        <v>1181</v>
      </c>
      <c r="H84" s="14" t="s">
        <v>1182</v>
      </c>
      <c r="I84" s="13" t="s">
        <v>359</v>
      </c>
      <c r="J84" s="13">
        <v>60</v>
      </c>
      <c r="K84" s="13" t="s">
        <v>1183</v>
      </c>
      <c r="L84" s="13" t="s">
        <v>134</v>
      </c>
      <c r="M84" s="13" t="s">
        <v>134</v>
      </c>
      <c r="N84" s="13"/>
      <c r="O84" s="13"/>
      <c r="P84" s="13" t="s">
        <v>134</v>
      </c>
      <c r="Q84" s="13" t="s">
        <v>89</v>
      </c>
      <c r="R84" s="13"/>
      <c r="S84" s="13"/>
      <c r="T84" s="13" t="s">
        <v>66</v>
      </c>
      <c r="U84" s="13" t="s">
        <v>66</v>
      </c>
      <c r="V84" s="13" t="s">
        <v>66</v>
      </c>
      <c r="W84" s="13"/>
      <c r="X84" s="13" t="s">
        <v>66</v>
      </c>
      <c r="Y84" s="13" t="s">
        <v>66</v>
      </c>
      <c r="Z84" s="13"/>
      <c r="AA84" s="13" t="s">
        <v>66</v>
      </c>
      <c r="AB84" s="13" t="s">
        <v>66</v>
      </c>
      <c r="AC84" s="13" t="s">
        <v>66</v>
      </c>
      <c r="AD84" s="13"/>
      <c r="AE84" s="13"/>
      <c r="AF84" s="13" t="s">
        <v>66</v>
      </c>
      <c r="AG84" s="18" t="s">
        <v>66</v>
      </c>
      <c r="AH84" s="13"/>
      <c r="AI84" s="13"/>
      <c r="AJ84" s="13"/>
      <c r="AK84" s="13"/>
      <c r="AL84" s="13"/>
      <c r="AM84" s="13"/>
      <c r="AN84" s="13"/>
      <c r="AO84" s="13"/>
      <c r="AP84" s="13"/>
      <c r="AQ84" s="13"/>
      <c r="AR84" s="14" t="s">
        <v>1184</v>
      </c>
      <c r="AS84" s="24" t="s">
        <v>90</v>
      </c>
      <c r="AT84" s="13" t="s">
        <v>1185</v>
      </c>
      <c r="AU84" s="25" t="s">
        <v>361</v>
      </c>
      <c r="AV84" s="13"/>
      <c r="AW84" s="25" t="s">
        <v>361</v>
      </c>
      <c r="AX84" s="25" t="s">
        <v>361</v>
      </c>
      <c r="AY84" s="25" t="s">
        <v>361</v>
      </c>
      <c r="AZ84" s="25" t="s">
        <v>361</v>
      </c>
      <c r="BA84" s="15"/>
      <c r="BB84" s="2"/>
      <c r="BC84" s="2"/>
      <c r="BD84" s="2"/>
      <c r="BE84" s="2"/>
      <c r="BF84" s="2"/>
      <c r="BG84" s="2"/>
      <c r="BH84" s="2"/>
      <c r="BI84" s="2"/>
      <c r="BJ84" s="2"/>
      <c r="BK84" s="2"/>
      <c r="BL84" s="2"/>
      <c r="BM84" s="2"/>
      <c r="BN84" s="2"/>
      <c r="BO84" s="2"/>
      <c r="BP84" s="2"/>
      <c r="BQ84" s="2"/>
      <c r="BR84" s="2"/>
      <c r="BS84" s="2"/>
      <c r="BT84" s="2"/>
      <c r="BU84" s="2"/>
      <c r="BV84" s="2"/>
      <c r="BW84" s="2"/>
      <c r="BX84" s="2"/>
      <c r="BY84" s="2"/>
      <c r="BZ84" s="2"/>
      <c r="CA84" s="2"/>
      <c r="CB84" s="2"/>
      <c r="CC84" s="2"/>
      <c r="CD84" s="2"/>
      <c r="CE84" s="2"/>
      <c r="CF84" s="2"/>
      <c r="CG84" s="2"/>
      <c r="CH84" s="2"/>
      <c r="CI84" s="2"/>
      <c r="CJ84" s="2"/>
      <c r="CK84" s="2"/>
      <c r="CL84" s="2"/>
      <c r="CM84" s="2"/>
      <c r="CN84" s="2"/>
      <c r="CO84" s="2"/>
      <c r="CP84" s="2"/>
      <c r="CQ84" s="2"/>
      <c r="CR84" s="2"/>
      <c r="CS84" s="2"/>
      <c r="CT84" s="2"/>
      <c r="CU84" s="2"/>
      <c r="CV84" s="2"/>
      <c r="CW84" s="2"/>
      <c r="CX84" s="2"/>
      <c r="CY84" s="2"/>
      <c r="CZ84" s="2"/>
      <c r="DA84" s="2"/>
      <c r="DB84" s="2"/>
      <c r="DC84" s="2"/>
      <c r="DD84" s="2"/>
      <c r="DE84" s="2"/>
      <c r="DF84" s="2"/>
      <c r="DG84" s="2"/>
      <c r="DH84" s="2"/>
      <c r="DI84" s="2"/>
      <c r="DJ84" s="2"/>
      <c r="DK84" s="2"/>
      <c r="DL84" s="2"/>
      <c r="DM84" s="2"/>
      <c r="DN84" s="2"/>
      <c r="DO84" s="2"/>
      <c r="DP84" s="2"/>
      <c r="DQ84" s="2"/>
      <c r="DR84" s="2"/>
      <c r="DS84" s="2"/>
      <c r="DT84" s="2"/>
      <c r="DU84" s="2"/>
      <c r="DV84" s="2"/>
      <c r="DW84" s="2"/>
      <c r="DX84" s="2"/>
      <c r="DY84" s="2"/>
      <c r="DZ84" s="2"/>
      <c r="EA84" s="2"/>
      <c r="EB84" s="2"/>
      <c r="EC84" s="2"/>
      <c r="ED84" s="2"/>
      <c r="EE84" s="2"/>
      <c r="EF84" s="2"/>
      <c r="EG84" s="2"/>
      <c r="EH84" s="2"/>
      <c r="EI84" s="2"/>
      <c r="EJ84" s="2"/>
      <c r="EK84" s="2"/>
      <c r="EL84" s="2"/>
      <c r="EM84" s="2"/>
      <c r="EN84" s="2"/>
      <c r="EO84" s="2"/>
      <c r="EP84" s="2"/>
      <c r="EQ84" s="2"/>
      <c r="ER84" s="2"/>
      <c r="ES84" s="2"/>
      <c r="ET84" s="2"/>
      <c r="EU84" s="2"/>
      <c r="EV84" s="2"/>
      <c r="EW84" s="2"/>
      <c r="EX84" s="2"/>
      <c r="EY84" s="2"/>
      <c r="EZ84" s="2"/>
      <c r="FA84" s="2"/>
      <c r="FB84" s="2"/>
      <c r="FC84" s="2"/>
      <c r="FD84" s="2"/>
      <c r="FE84" s="2"/>
      <c r="FF84" s="2"/>
      <c r="FG84" s="2"/>
      <c r="FH84" s="2"/>
      <c r="FI84" s="2"/>
      <c r="FJ84" s="2"/>
      <c r="FK84" s="2"/>
      <c r="FL84" s="2"/>
      <c r="FM84" s="2"/>
      <c r="FN84" s="2"/>
      <c r="FO84" s="2"/>
      <c r="FP84" s="2"/>
      <c r="FQ84" s="2"/>
      <c r="FR84" s="2"/>
    </row>
    <row r="85" spans="1:174" s="2" customFormat="1" ht="27" customHeight="1">
      <c r="A85" s="18">
        <v>2023</v>
      </c>
      <c r="B85" s="13">
        <v>404</v>
      </c>
      <c r="C85" s="38" t="s">
        <v>1132</v>
      </c>
      <c r="D85" s="13" t="s">
        <v>1133</v>
      </c>
      <c r="E85" s="13" t="s">
        <v>1708</v>
      </c>
      <c r="F85" s="9" t="s">
        <v>1709</v>
      </c>
      <c r="G85" s="13" t="s">
        <v>1710</v>
      </c>
      <c r="H85" s="14" t="s">
        <v>1711</v>
      </c>
      <c r="I85" s="13" t="s">
        <v>1712</v>
      </c>
      <c r="J85" s="13">
        <v>82</v>
      </c>
      <c r="K85" s="13">
        <v>6.5</v>
      </c>
      <c r="L85" s="13" t="s">
        <v>134</v>
      </c>
      <c r="M85" s="13" t="s">
        <v>134</v>
      </c>
      <c r="N85" s="13"/>
      <c r="O85" s="13"/>
      <c r="P85" s="13" t="s">
        <v>360</v>
      </c>
      <c r="Q85" s="13" t="s">
        <v>424</v>
      </c>
      <c r="R85" s="13"/>
      <c r="S85" s="13"/>
      <c r="T85" s="13" t="s">
        <v>66</v>
      </c>
      <c r="U85" s="13" t="s">
        <v>66</v>
      </c>
      <c r="V85" s="13" t="s">
        <v>66</v>
      </c>
      <c r="W85" s="13"/>
      <c r="X85" s="13" t="s">
        <v>66</v>
      </c>
      <c r="Y85" s="13" t="s">
        <v>66</v>
      </c>
      <c r="Z85" s="13" t="s">
        <v>66</v>
      </c>
      <c r="AA85" s="13" t="s">
        <v>66</v>
      </c>
      <c r="AB85" s="13" t="s">
        <v>66</v>
      </c>
      <c r="AC85" s="13" t="s">
        <v>66</v>
      </c>
      <c r="AD85" s="13" t="s">
        <v>66</v>
      </c>
      <c r="AE85" s="13" t="s">
        <v>66</v>
      </c>
      <c r="AF85" s="13" t="s">
        <v>66</v>
      </c>
      <c r="AG85" s="18" t="s">
        <v>66</v>
      </c>
      <c r="AH85" s="13" t="s">
        <v>66</v>
      </c>
      <c r="AI85" s="13"/>
      <c r="AJ85" s="13"/>
      <c r="AK85" s="13" t="s">
        <v>66</v>
      </c>
      <c r="AL85" s="13" t="s">
        <v>66</v>
      </c>
      <c r="AM85" s="13" t="s">
        <v>66</v>
      </c>
      <c r="AN85" s="13" t="s">
        <v>66</v>
      </c>
      <c r="AO85" s="13" t="s">
        <v>66</v>
      </c>
      <c r="AP85" s="13"/>
      <c r="AQ85" s="13"/>
      <c r="AR85" s="14" t="s">
        <v>1713</v>
      </c>
      <c r="AS85" s="24" t="s">
        <v>90</v>
      </c>
      <c r="AT85" s="13" t="s">
        <v>1714</v>
      </c>
      <c r="AU85" s="25" t="s">
        <v>361</v>
      </c>
      <c r="AV85" s="13"/>
      <c r="AW85" s="13" t="s">
        <v>1715</v>
      </c>
      <c r="AX85" s="13" t="s">
        <v>1716</v>
      </c>
      <c r="AY85" s="13" t="s">
        <v>1717</v>
      </c>
      <c r="AZ85" s="13" t="s">
        <v>1718</v>
      </c>
      <c r="BA85" s="15"/>
    </row>
    <row r="86" spans="1:174" s="2" customFormat="1" ht="27" customHeight="1">
      <c r="A86" s="11">
        <v>2025</v>
      </c>
      <c r="B86" s="13">
        <v>304</v>
      </c>
      <c r="C86" s="10" t="s">
        <v>54</v>
      </c>
      <c r="D86" s="13" t="s">
        <v>202</v>
      </c>
      <c r="E86" s="13" t="s">
        <v>203</v>
      </c>
      <c r="F86" s="9" t="s">
        <v>204</v>
      </c>
      <c r="G86" s="13" t="s">
        <v>205</v>
      </c>
      <c r="H86" s="14" t="s">
        <v>206</v>
      </c>
      <c r="I86" s="13" t="s">
        <v>207</v>
      </c>
      <c r="J86" s="13" t="s">
        <v>134</v>
      </c>
      <c r="K86" s="13" t="s">
        <v>134</v>
      </c>
      <c r="L86" s="13" t="s">
        <v>134</v>
      </c>
      <c r="M86" s="13" t="s">
        <v>86</v>
      </c>
      <c r="N86" s="13"/>
      <c r="O86" s="13"/>
      <c r="P86" s="13" t="s">
        <v>208</v>
      </c>
      <c r="Q86" s="13" t="s">
        <v>209</v>
      </c>
      <c r="R86" s="13"/>
      <c r="S86" s="13"/>
      <c r="T86" s="13" t="s">
        <v>66</v>
      </c>
      <c r="U86" s="13" t="s">
        <v>67</v>
      </c>
      <c r="V86" s="13" t="s">
        <v>67</v>
      </c>
      <c r="W86" s="13" t="s">
        <v>67</v>
      </c>
      <c r="X86" s="13" t="s">
        <v>66</v>
      </c>
      <c r="Y86" s="13" t="s">
        <v>66</v>
      </c>
      <c r="Z86" s="13" t="s">
        <v>66</v>
      </c>
      <c r="AA86" s="13" t="s">
        <v>66</v>
      </c>
      <c r="AB86" s="13" t="s">
        <v>66</v>
      </c>
      <c r="AC86" s="13" t="s">
        <v>66</v>
      </c>
      <c r="AD86" s="13" t="s">
        <v>66</v>
      </c>
      <c r="AE86" s="13" t="s">
        <v>66</v>
      </c>
      <c r="AF86" s="13" t="s">
        <v>66</v>
      </c>
      <c r="AG86" s="18" t="s">
        <v>66</v>
      </c>
      <c r="AH86" s="18" t="s">
        <v>66</v>
      </c>
      <c r="AI86" s="18" t="s">
        <v>66</v>
      </c>
      <c r="AJ86" s="18" t="s">
        <v>66</v>
      </c>
      <c r="AK86" s="18" t="s">
        <v>66</v>
      </c>
      <c r="AL86" s="18" t="s">
        <v>66</v>
      </c>
      <c r="AM86" s="18" t="s">
        <v>66</v>
      </c>
      <c r="AN86" s="18" t="s">
        <v>66</v>
      </c>
      <c r="AO86" s="18" t="s">
        <v>66</v>
      </c>
      <c r="AP86" s="18" t="s">
        <v>66</v>
      </c>
      <c r="AQ86" s="18" t="s">
        <v>66</v>
      </c>
      <c r="AR86" s="19" t="s">
        <v>206</v>
      </c>
      <c r="AS86" s="13" t="s">
        <v>64</v>
      </c>
      <c r="AT86" s="13"/>
      <c r="AU86" s="11" t="s">
        <v>71</v>
      </c>
      <c r="AV86" s="14" t="s">
        <v>210</v>
      </c>
      <c r="AW86" s="13" t="s">
        <v>211</v>
      </c>
      <c r="AX86" s="13" t="s">
        <v>212</v>
      </c>
      <c r="AY86" s="13" t="s">
        <v>213</v>
      </c>
      <c r="AZ86" s="13" t="s">
        <v>214</v>
      </c>
      <c r="BA86" s="15"/>
    </row>
    <row r="87" spans="1:174" s="2" customFormat="1" ht="27" customHeight="1">
      <c r="A87" s="11">
        <v>2025</v>
      </c>
      <c r="B87" s="11">
        <v>106</v>
      </c>
      <c r="C87" s="10" t="s">
        <v>54</v>
      </c>
      <c r="D87" s="11" t="s">
        <v>237</v>
      </c>
      <c r="E87" s="11" t="s">
        <v>238</v>
      </c>
      <c r="F87" s="11" t="s">
        <v>239</v>
      </c>
      <c r="G87" s="11" t="s">
        <v>240</v>
      </c>
      <c r="H87" s="11" t="s">
        <v>241</v>
      </c>
      <c r="I87" s="11" t="s">
        <v>242</v>
      </c>
      <c r="J87" s="11">
        <v>0</v>
      </c>
      <c r="K87" s="11">
        <v>0</v>
      </c>
      <c r="L87" s="11">
        <v>0</v>
      </c>
      <c r="M87" s="11" t="s">
        <v>196</v>
      </c>
      <c r="N87" s="11" t="s">
        <v>243</v>
      </c>
      <c r="O87" s="11" t="s">
        <v>244</v>
      </c>
      <c r="P87" s="11" t="s">
        <v>62</v>
      </c>
      <c r="Q87" s="11" t="s">
        <v>121</v>
      </c>
      <c r="R87" s="11"/>
      <c r="S87" s="11">
        <v>0</v>
      </c>
      <c r="T87" s="11" t="s">
        <v>67</v>
      </c>
      <c r="U87" s="11" t="s">
        <v>66</v>
      </c>
      <c r="V87" s="11" t="s">
        <v>66</v>
      </c>
      <c r="W87" s="11" t="s">
        <v>66</v>
      </c>
      <c r="X87" s="11"/>
      <c r="Y87" s="11"/>
      <c r="Z87" s="11"/>
      <c r="AA87" s="11"/>
      <c r="AB87" s="11"/>
      <c r="AC87" s="11"/>
      <c r="AD87" s="11"/>
      <c r="AE87" s="11"/>
      <c r="AF87" s="11"/>
      <c r="AG87" s="11"/>
      <c r="AH87" s="11" t="s">
        <v>66</v>
      </c>
      <c r="AI87" s="11" t="s">
        <v>66</v>
      </c>
      <c r="AJ87" s="11" t="s">
        <v>66</v>
      </c>
      <c r="AK87" s="11" t="s">
        <v>66</v>
      </c>
      <c r="AL87" s="11" t="s">
        <v>66</v>
      </c>
      <c r="AM87" s="11" t="s">
        <v>66</v>
      </c>
      <c r="AN87" s="11" t="s">
        <v>66</v>
      </c>
      <c r="AO87" s="11" t="s">
        <v>66</v>
      </c>
      <c r="AP87" s="11" t="s">
        <v>66</v>
      </c>
      <c r="AQ87" s="11" t="s">
        <v>66</v>
      </c>
      <c r="AR87" s="11" t="s">
        <v>245</v>
      </c>
      <c r="AS87" s="11" t="s">
        <v>64</v>
      </c>
      <c r="AT87" s="11">
        <v>0</v>
      </c>
      <c r="AU87" s="11" t="s">
        <v>162</v>
      </c>
      <c r="AV87" s="11" t="s">
        <v>246</v>
      </c>
      <c r="AW87" s="11" t="s">
        <v>247</v>
      </c>
      <c r="AX87" s="11" t="s">
        <v>247</v>
      </c>
      <c r="AY87" s="11" t="s">
        <v>178</v>
      </c>
      <c r="AZ87" s="11" t="s">
        <v>178</v>
      </c>
      <c r="BA87" s="12"/>
      <c r="BB87" s="12"/>
      <c r="BC87" s="12"/>
      <c r="BD87" s="12"/>
      <c r="BE87" s="12"/>
      <c r="BF87" s="12"/>
      <c r="BG87" s="12"/>
      <c r="BH87" s="12"/>
      <c r="BI87" s="12"/>
      <c r="BJ87" s="12"/>
      <c r="BK87" s="12"/>
      <c r="BL87" s="12"/>
      <c r="BM87" s="12"/>
      <c r="BN87" s="12"/>
      <c r="BO87" s="12"/>
      <c r="BP87" s="12"/>
      <c r="BQ87" s="12"/>
      <c r="BR87" s="12"/>
      <c r="BS87" s="12"/>
      <c r="BT87" s="12"/>
      <c r="BU87" s="12"/>
      <c r="BV87" s="12"/>
      <c r="BW87" s="12"/>
      <c r="BX87" s="12"/>
      <c r="BY87" s="12"/>
      <c r="BZ87" s="12"/>
      <c r="CA87" s="12"/>
      <c r="CB87" s="12"/>
      <c r="CC87" s="12"/>
      <c r="CD87" s="12"/>
      <c r="CE87" s="12"/>
      <c r="CF87" s="12"/>
      <c r="CG87" s="12"/>
      <c r="CH87" s="12"/>
      <c r="CI87" s="12"/>
      <c r="CJ87" s="12"/>
      <c r="CK87" s="12"/>
      <c r="CL87" s="12"/>
      <c r="CM87" s="12"/>
      <c r="CN87" s="12"/>
      <c r="CO87" s="12"/>
      <c r="CP87" s="12"/>
      <c r="CQ87" s="12"/>
      <c r="CR87" s="12"/>
      <c r="CS87" s="12"/>
      <c r="CT87" s="12"/>
      <c r="CU87" s="12"/>
      <c r="CV87" s="12"/>
      <c r="CW87" s="12"/>
      <c r="CX87" s="12"/>
      <c r="CY87" s="12"/>
      <c r="CZ87" s="12"/>
      <c r="DA87" s="12"/>
      <c r="DB87" s="12"/>
      <c r="DC87" s="12"/>
      <c r="DD87" s="12"/>
      <c r="DE87" s="12"/>
      <c r="DF87" s="12"/>
      <c r="DG87" s="12"/>
      <c r="DH87" s="12"/>
      <c r="DI87" s="12"/>
      <c r="DJ87" s="12"/>
      <c r="DK87" s="12"/>
      <c r="DL87" s="12"/>
      <c r="DM87" s="12"/>
      <c r="DN87" s="12"/>
      <c r="DO87" s="12"/>
      <c r="DP87" s="12"/>
      <c r="DQ87" s="12"/>
      <c r="DR87" s="12"/>
      <c r="DS87" s="12"/>
      <c r="DT87" s="12"/>
      <c r="DU87" s="12"/>
      <c r="DV87" s="12"/>
      <c r="DW87" s="12"/>
      <c r="DX87" s="12"/>
      <c r="DY87" s="12"/>
      <c r="DZ87" s="12"/>
      <c r="EA87" s="12"/>
      <c r="EB87" s="12"/>
      <c r="EC87" s="12"/>
      <c r="ED87" s="12"/>
      <c r="EE87" s="12"/>
      <c r="EF87" s="12"/>
      <c r="EG87" s="12"/>
      <c r="EH87" s="12"/>
      <c r="EI87" s="12"/>
      <c r="EJ87" s="12"/>
      <c r="EK87" s="12"/>
      <c r="EL87" s="12"/>
      <c r="EM87" s="12"/>
      <c r="EN87" s="12"/>
      <c r="EO87" s="12"/>
      <c r="EP87" s="12"/>
      <c r="EQ87" s="12"/>
      <c r="ER87" s="12"/>
      <c r="ES87" s="12"/>
      <c r="ET87" s="12"/>
      <c r="EU87" s="12"/>
      <c r="EV87" s="12"/>
      <c r="EW87" s="12"/>
      <c r="EX87" s="12"/>
      <c r="EY87" s="12"/>
      <c r="EZ87" s="12"/>
      <c r="FA87" s="12"/>
      <c r="FB87" s="12"/>
      <c r="FC87" s="12"/>
      <c r="FD87" s="12"/>
      <c r="FE87" s="12"/>
      <c r="FF87" s="12"/>
      <c r="FG87" s="12"/>
      <c r="FH87" s="12"/>
      <c r="FI87" s="12"/>
      <c r="FJ87" s="12"/>
      <c r="FK87" s="12"/>
      <c r="FL87" s="12"/>
      <c r="FM87" s="12"/>
      <c r="FN87" s="12"/>
      <c r="FO87" s="12"/>
      <c r="FP87" s="12"/>
      <c r="FQ87" s="12"/>
      <c r="FR87" s="12"/>
    </row>
    <row r="88" spans="1:174" s="2" customFormat="1" ht="27" customHeight="1">
      <c r="A88" s="11">
        <v>2025</v>
      </c>
      <c r="B88" s="9">
        <v>343</v>
      </c>
      <c r="C88" s="10" t="s">
        <v>54</v>
      </c>
      <c r="D88" s="9" t="s">
        <v>237</v>
      </c>
      <c r="E88" s="9" t="s">
        <v>1144</v>
      </c>
      <c r="F88" s="9" t="s">
        <v>1145</v>
      </c>
      <c r="G88" s="9" t="s">
        <v>1146</v>
      </c>
      <c r="H88" s="9" t="s">
        <v>1147</v>
      </c>
      <c r="I88" s="9" t="s">
        <v>524</v>
      </c>
      <c r="J88" s="9">
        <v>0</v>
      </c>
      <c r="K88" s="9">
        <v>0</v>
      </c>
      <c r="L88" s="9">
        <v>0</v>
      </c>
      <c r="M88" s="9">
        <v>0</v>
      </c>
      <c r="N88" s="9" t="s">
        <v>1935</v>
      </c>
      <c r="O88" s="9" t="s">
        <v>1937</v>
      </c>
      <c r="P88" s="9" t="s">
        <v>222</v>
      </c>
      <c r="Q88" s="9" t="s">
        <v>310</v>
      </c>
      <c r="R88" s="9" t="s">
        <v>64</v>
      </c>
      <c r="S88" s="9" t="s">
        <v>1936</v>
      </c>
      <c r="T88" s="9" t="s">
        <v>67</v>
      </c>
      <c r="U88" s="9" t="s">
        <v>67</v>
      </c>
      <c r="V88" s="9" t="s">
        <v>65</v>
      </c>
      <c r="W88" s="9" t="s">
        <v>67</v>
      </c>
      <c r="X88" s="9" t="s">
        <v>67</v>
      </c>
      <c r="Y88" s="9" t="s">
        <v>67</v>
      </c>
      <c r="Z88" s="9" t="s">
        <v>67</v>
      </c>
      <c r="AA88" s="9" t="s">
        <v>67</v>
      </c>
      <c r="AB88" s="9" t="s">
        <v>67</v>
      </c>
      <c r="AC88" s="9" t="s">
        <v>67</v>
      </c>
      <c r="AD88" s="9" t="s">
        <v>67</v>
      </c>
      <c r="AE88" s="9" t="s">
        <v>67</v>
      </c>
      <c r="AF88" s="9" t="s">
        <v>67</v>
      </c>
      <c r="AG88" s="9" t="s">
        <v>67</v>
      </c>
      <c r="AH88" s="9" t="s">
        <v>65</v>
      </c>
      <c r="AI88" s="9" t="s">
        <v>65</v>
      </c>
      <c r="AJ88" s="9" t="s">
        <v>65</v>
      </c>
      <c r="AK88" s="9" t="s">
        <v>65</v>
      </c>
      <c r="AL88" s="9" t="s">
        <v>65</v>
      </c>
      <c r="AM88" s="9" t="s">
        <v>65</v>
      </c>
      <c r="AN88" s="9" t="s">
        <v>1934</v>
      </c>
      <c r="AO88" s="9" t="s">
        <v>65</v>
      </c>
      <c r="AP88" s="9" t="s">
        <v>65</v>
      </c>
      <c r="AQ88" s="9" t="s">
        <v>67</v>
      </c>
      <c r="AR88" s="9" t="s">
        <v>528</v>
      </c>
      <c r="AS88" s="9" t="s">
        <v>64</v>
      </c>
      <c r="AT88" s="9">
        <v>0</v>
      </c>
      <c r="AU88" s="9" t="s">
        <v>162</v>
      </c>
      <c r="AV88" s="9" t="s">
        <v>529</v>
      </c>
      <c r="AW88" s="9" t="s">
        <v>530</v>
      </c>
      <c r="AX88" s="9" t="s">
        <v>530</v>
      </c>
      <c r="AY88" s="9" t="s">
        <v>531</v>
      </c>
      <c r="AZ88" s="9" t="s">
        <v>531</v>
      </c>
    </row>
    <row r="89" spans="1:174" s="32" customFormat="1" ht="27" customHeight="1">
      <c r="A89" s="11">
        <v>2025</v>
      </c>
      <c r="B89" s="9">
        <v>669</v>
      </c>
      <c r="C89" s="10" t="s">
        <v>54</v>
      </c>
      <c r="D89" s="9" t="s">
        <v>237</v>
      </c>
      <c r="E89" s="9" t="s">
        <v>1144</v>
      </c>
      <c r="F89" s="9" t="s">
        <v>1273</v>
      </c>
      <c r="G89" s="9" t="s">
        <v>1274</v>
      </c>
      <c r="H89" s="9" t="s">
        <v>1275</v>
      </c>
      <c r="I89" s="9" t="s">
        <v>295</v>
      </c>
      <c r="J89" s="9">
        <v>0</v>
      </c>
      <c r="K89" s="9">
        <v>0</v>
      </c>
      <c r="L89" s="9">
        <v>0</v>
      </c>
      <c r="M89" s="9"/>
      <c r="N89" s="9" t="s">
        <v>1276</v>
      </c>
      <c r="O89" s="9" t="s">
        <v>1277</v>
      </c>
      <c r="P89" s="9" t="s">
        <v>348</v>
      </c>
      <c r="Q89" s="9" t="s">
        <v>121</v>
      </c>
      <c r="R89" s="9" t="s">
        <v>64</v>
      </c>
      <c r="S89" s="9">
        <v>0</v>
      </c>
      <c r="T89" s="9" t="s">
        <v>66</v>
      </c>
      <c r="U89" s="9" t="s">
        <v>66</v>
      </c>
      <c r="V89" s="9" t="s">
        <v>66</v>
      </c>
      <c r="W89" s="9" t="s">
        <v>67</v>
      </c>
      <c r="X89" s="9" t="s">
        <v>67</v>
      </c>
      <c r="Y89" s="9" t="s">
        <v>67</v>
      </c>
      <c r="Z89" s="9" t="s">
        <v>67</v>
      </c>
      <c r="AA89" s="9" t="s">
        <v>67</v>
      </c>
      <c r="AB89" s="9" t="s">
        <v>67</v>
      </c>
      <c r="AC89" s="9" t="s">
        <v>66</v>
      </c>
      <c r="AD89" s="9" t="s">
        <v>67</v>
      </c>
      <c r="AE89" s="9" t="s">
        <v>67</v>
      </c>
      <c r="AF89" s="9" t="s">
        <v>66</v>
      </c>
      <c r="AG89" s="9" t="s">
        <v>67</v>
      </c>
      <c r="AH89" s="9" t="s">
        <v>66</v>
      </c>
      <c r="AI89" s="9" t="s">
        <v>66</v>
      </c>
      <c r="AJ89" s="9" t="s">
        <v>66</v>
      </c>
      <c r="AK89" s="9" t="s">
        <v>67</v>
      </c>
      <c r="AL89" s="9" t="s">
        <v>67</v>
      </c>
      <c r="AM89" s="9" t="s">
        <v>66</v>
      </c>
      <c r="AN89" s="9" t="s">
        <v>67</v>
      </c>
      <c r="AO89" s="9" t="s">
        <v>66</v>
      </c>
      <c r="AP89" s="9" t="s">
        <v>67</v>
      </c>
      <c r="AQ89" s="9" t="s">
        <v>67</v>
      </c>
      <c r="AR89" s="9" t="s">
        <v>1278</v>
      </c>
      <c r="AS89" s="9" t="s">
        <v>64</v>
      </c>
      <c r="AT89" s="9">
        <v>0</v>
      </c>
      <c r="AU89" s="9" t="s">
        <v>151</v>
      </c>
      <c r="AV89" s="9" t="s">
        <v>1279</v>
      </c>
      <c r="AW89" s="9" t="s">
        <v>1280</v>
      </c>
      <c r="AX89" s="9" t="s">
        <v>1281</v>
      </c>
      <c r="AY89" s="9" t="s">
        <v>638</v>
      </c>
      <c r="AZ89" s="9" t="s">
        <v>804</v>
      </c>
      <c r="BA89" s="2"/>
      <c r="BB89" s="2"/>
      <c r="BC89" s="2"/>
      <c r="BD89" s="2"/>
      <c r="BE89" s="2"/>
      <c r="BF89" s="2"/>
      <c r="BG89" s="2"/>
      <c r="BH89" s="2"/>
      <c r="BI89" s="2"/>
      <c r="BJ89" s="2"/>
      <c r="BK89" s="2"/>
      <c r="BL89" s="2"/>
      <c r="BM89" s="2"/>
      <c r="BN89" s="2"/>
      <c r="BO89" s="2"/>
      <c r="BP89" s="2"/>
      <c r="BQ89" s="2"/>
      <c r="BR89" s="2"/>
      <c r="BS89" s="2"/>
      <c r="BT89" s="2"/>
      <c r="BU89" s="2"/>
      <c r="BV89" s="2"/>
      <c r="BW89" s="2"/>
      <c r="BX89" s="2"/>
      <c r="BY89" s="2"/>
      <c r="BZ89" s="2"/>
      <c r="CA89" s="2"/>
      <c r="CB89" s="2"/>
      <c r="CC89" s="2"/>
      <c r="CD89" s="2"/>
      <c r="CE89" s="2"/>
      <c r="CF89" s="2"/>
      <c r="CG89" s="2"/>
      <c r="CH89" s="2"/>
      <c r="CI89" s="2"/>
      <c r="CJ89" s="2"/>
      <c r="CK89" s="2"/>
      <c r="CL89" s="2"/>
      <c r="CM89" s="2"/>
      <c r="CN89" s="2"/>
      <c r="CO89" s="2"/>
      <c r="CP89" s="2"/>
      <c r="CQ89" s="2"/>
      <c r="CR89" s="2"/>
      <c r="CS89" s="2"/>
      <c r="CT89" s="2"/>
      <c r="CU89" s="2"/>
      <c r="CV89" s="2"/>
      <c r="CW89" s="2"/>
      <c r="CX89" s="2"/>
      <c r="CY89" s="2"/>
      <c r="CZ89" s="2"/>
      <c r="DA89" s="2"/>
      <c r="DB89" s="2"/>
      <c r="DC89" s="2"/>
      <c r="DD89" s="2"/>
      <c r="DE89" s="2"/>
      <c r="DF89" s="2"/>
      <c r="DG89" s="2"/>
      <c r="DH89" s="2"/>
      <c r="DI89" s="2"/>
      <c r="DJ89" s="2"/>
      <c r="DK89" s="2"/>
      <c r="DL89" s="2"/>
      <c r="DM89" s="2"/>
      <c r="DN89" s="2"/>
      <c r="DO89" s="2"/>
      <c r="DP89" s="2"/>
      <c r="DQ89" s="2"/>
      <c r="DR89" s="2"/>
      <c r="DS89" s="2"/>
      <c r="DT89" s="2"/>
      <c r="DU89" s="2"/>
      <c r="DV89" s="2"/>
      <c r="DW89" s="2"/>
      <c r="DX89" s="2"/>
      <c r="DY89" s="2"/>
      <c r="DZ89" s="2"/>
      <c r="EA89" s="2"/>
      <c r="EB89" s="2"/>
      <c r="EC89" s="2"/>
      <c r="ED89" s="2"/>
      <c r="EE89" s="2"/>
      <c r="EF89" s="2"/>
      <c r="EG89" s="2"/>
      <c r="EH89" s="2"/>
      <c r="EI89" s="2"/>
      <c r="EJ89" s="2"/>
      <c r="EK89" s="2"/>
      <c r="EL89" s="2"/>
      <c r="EM89" s="2"/>
      <c r="EN89" s="2"/>
      <c r="EO89" s="2"/>
      <c r="EP89" s="2"/>
      <c r="EQ89" s="2"/>
      <c r="ER89" s="2"/>
      <c r="ES89" s="2"/>
      <c r="ET89" s="2"/>
      <c r="EU89" s="2"/>
      <c r="EV89" s="2"/>
      <c r="EW89" s="2"/>
      <c r="EX89" s="2"/>
      <c r="EY89" s="2"/>
      <c r="EZ89" s="2"/>
      <c r="FA89" s="2"/>
      <c r="FB89" s="2"/>
      <c r="FC89" s="2"/>
      <c r="FD89" s="2"/>
      <c r="FE89" s="2"/>
      <c r="FF89" s="2"/>
      <c r="FG89" s="2"/>
      <c r="FH89" s="2"/>
      <c r="FI89" s="2"/>
      <c r="FJ89" s="2"/>
      <c r="FK89" s="2"/>
      <c r="FL89" s="2"/>
      <c r="FM89" s="2"/>
      <c r="FN89" s="2"/>
      <c r="FO89" s="2"/>
      <c r="FP89" s="2"/>
      <c r="FQ89" s="2"/>
      <c r="FR89" s="2"/>
    </row>
    <row r="90" spans="1:174" s="37" customFormat="1" ht="27" customHeight="1">
      <c r="A90" s="11">
        <v>2025</v>
      </c>
      <c r="B90" s="9">
        <v>563</v>
      </c>
      <c r="C90" s="10" t="s">
        <v>54</v>
      </c>
      <c r="D90" s="9" t="s">
        <v>237</v>
      </c>
      <c r="E90" s="9" t="s">
        <v>1513</v>
      </c>
      <c r="F90" s="9" t="s">
        <v>1514</v>
      </c>
      <c r="G90" s="9" t="s">
        <v>1515</v>
      </c>
      <c r="H90" s="9" t="s">
        <v>1516</v>
      </c>
      <c r="I90" s="9" t="s">
        <v>1517</v>
      </c>
      <c r="J90" s="9">
        <v>0</v>
      </c>
      <c r="K90" s="9">
        <v>0</v>
      </c>
      <c r="L90" s="9">
        <v>0</v>
      </c>
      <c r="M90" s="9"/>
      <c r="N90" s="9" t="s">
        <v>67</v>
      </c>
      <c r="O90" s="9" t="s">
        <v>1518</v>
      </c>
      <c r="P90" s="9" t="s">
        <v>1519</v>
      </c>
      <c r="Q90" s="9" t="s">
        <v>89</v>
      </c>
      <c r="R90" s="9" t="s">
        <v>64</v>
      </c>
      <c r="S90" s="9" t="s">
        <v>1516</v>
      </c>
      <c r="T90" s="9" t="s">
        <v>67</v>
      </c>
      <c r="U90" s="9" t="s">
        <v>66</v>
      </c>
      <c r="V90" s="9" t="s">
        <v>66</v>
      </c>
      <c r="W90" s="9" t="s">
        <v>66</v>
      </c>
      <c r="X90" s="9" t="s">
        <v>67</v>
      </c>
      <c r="Y90" s="9" t="s">
        <v>67</v>
      </c>
      <c r="Z90" s="9" t="s">
        <v>67</v>
      </c>
      <c r="AA90" s="9" t="s">
        <v>67</v>
      </c>
      <c r="AB90" s="9" t="s">
        <v>67</v>
      </c>
      <c r="AC90" s="9" t="s">
        <v>66</v>
      </c>
      <c r="AD90" s="9" t="s">
        <v>67</v>
      </c>
      <c r="AE90" s="9" t="s">
        <v>67</v>
      </c>
      <c r="AF90" s="9" t="s">
        <v>67</v>
      </c>
      <c r="AG90" s="9" t="s">
        <v>67</v>
      </c>
      <c r="AH90" s="9" t="s">
        <v>67</v>
      </c>
      <c r="AI90" s="9" t="s">
        <v>67</v>
      </c>
      <c r="AJ90" s="9" t="s">
        <v>67</v>
      </c>
      <c r="AK90" s="9" t="s">
        <v>67</v>
      </c>
      <c r="AL90" s="9" t="s">
        <v>67</v>
      </c>
      <c r="AM90" s="9" t="s">
        <v>66</v>
      </c>
      <c r="AN90" s="9" t="s">
        <v>67</v>
      </c>
      <c r="AO90" s="9" t="s">
        <v>67</v>
      </c>
      <c r="AP90" s="9" t="s">
        <v>67</v>
      </c>
      <c r="AQ90" s="9" t="s">
        <v>67</v>
      </c>
      <c r="AR90" s="9" t="s">
        <v>1516</v>
      </c>
      <c r="AS90" s="24" t="s">
        <v>90</v>
      </c>
      <c r="AT90" s="9" t="s">
        <v>1520</v>
      </c>
      <c r="AU90" s="9" t="s">
        <v>162</v>
      </c>
      <c r="AV90" s="9" t="s">
        <v>1521</v>
      </c>
      <c r="AW90" s="9" t="s">
        <v>1522</v>
      </c>
      <c r="AX90" s="9" t="s">
        <v>1522</v>
      </c>
      <c r="AY90" s="9" t="s">
        <v>1522</v>
      </c>
      <c r="AZ90" s="9" t="s">
        <v>1522</v>
      </c>
      <c r="BA90" s="2"/>
      <c r="BB90" s="2"/>
      <c r="BC90" s="2"/>
      <c r="BD90" s="2"/>
      <c r="BE90" s="2"/>
      <c r="BF90" s="2"/>
      <c r="BG90" s="2"/>
      <c r="BH90" s="2"/>
      <c r="BI90" s="2"/>
      <c r="BJ90" s="2"/>
      <c r="BK90" s="2"/>
      <c r="BL90" s="2"/>
      <c r="BM90" s="2"/>
      <c r="BN90" s="2"/>
      <c r="BO90" s="2"/>
      <c r="BP90" s="2"/>
      <c r="BQ90" s="2"/>
      <c r="BR90" s="2"/>
      <c r="BS90" s="2"/>
      <c r="BT90" s="2"/>
      <c r="BU90" s="2"/>
      <c r="BV90" s="2"/>
      <c r="BW90" s="2"/>
      <c r="BX90" s="2"/>
      <c r="BY90" s="2"/>
      <c r="BZ90" s="2"/>
      <c r="CA90" s="2"/>
      <c r="CB90" s="2"/>
      <c r="CC90" s="2"/>
      <c r="CD90" s="2"/>
      <c r="CE90" s="2"/>
      <c r="CF90" s="2"/>
      <c r="CG90" s="2"/>
      <c r="CH90" s="2"/>
      <c r="CI90" s="2"/>
      <c r="CJ90" s="2"/>
      <c r="CK90" s="2"/>
      <c r="CL90" s="2"/>
      <c r="CM90" s="2"/>
      <c r="CN90" s="2"/>
      <c r="CO90" s="2"/>
      <c r="CP90" s="2"/>
      <c r="CQ90" s="2"/>
      <c r="CR90" s="2"/>
      <c r="CS90" s="2"/>
      <c r="CT90" s="2"/>
      <c r="CU90" s="2"/>
      <c r="CV90" s="2"/>
      <c r="CW90" s="2"/>
      <c r="CX90" s="2"/>
      <c r="CY90" s="2"/>
      <c r="CZ90" s="2"/>
      <c r="DA90" s="2"/>
      <c r="DB90" s="2"/>
      <c r="DC90" s="2"/>
      <c r="DD90" s="2"/>
      <c r="DE90" s="2"/>
      <c r="DF90" s="2"/>
      <c r="DG90" s="2"/>
      <c r="DH90" s="2"/>
      <c r="DI90" s="2"/>
      <c r="DJ90" s="2"/>
      <c r="DK90" s="2"/>
      <c r="DL90" s="2"/>
      <c r="DM90" s="2"/>
      <c r="DN90" s="2"/>
      <c r="DO90" s="2"/>
      <c r="DP90" s="2"/>
      <c r="DQ90" s="2"/>
      <c r="DR90" s="2"/>
      <c r="DS90" s="2"/>
      <c r="DT90" s="2"/>
      <c r="DU90" s="2"/>
      <c r="DV90" s="2"/>
      <c r="DW90" s="2"/>
      <c r="DX90" s="2"/>
      <c r="DY90" s="2"/>
      <c r="DZ90" s="2"/>
      <c r="EA90" s="2"/>
      <c r="EB90" s="2"/>
      <c r="EC90" s="2"/>
      <c r="ED90" s="2"/>
      <c r="EE90" s="2"/>
      <c r="EF90" s="2"/>
      <c r="EG90" s="2"/>
      <c r="EH90" s="2"/>
      <c r="EI90" s="2"/>
      <c r="EJ90" s="2"/>
      <c r="EK90" s="2"/>
      <c r="EL90" s="2"/>
      <c r="EM90" s="2"/>
      <c r="EN90" s="2"/>
      <c r="EO90" s="2"/>
      <c r="EP90" s="2"/>
      <c r="EQ90" s="2"/>
      <c r="ER90" s="2"/>
      <c r="ES90" s="2"/>
      <c r="ET90" s="2"/>
      <c r="EU90" s="2"/>
      <c r="EV90" s="2"/>
      <c r="EW90" s="2"/>
      <c r="EX90" s="2"/>
      <c r="EY90" s="2"/>
      <c r="EZ90" s="2"/>
      <c r="FA90" s="2"/>
      <c r="FB90" s="2"/>
      <c r="FC90" s="2"/>
      <c r="FD90" s="2"/>
      <c r="FE90" s="2"/>
      <c r="FF90" s="2"/>
      <c r="FG90" s="2"/>
      <c r="FH90" s="2"/>
      <c r="FI90" s="2"/>
      <c r="FJ90" s="2"/>
      <c r="FK90" s="2"/>
      <c r="FL90" s="2"/>
      <c r="FM90" s="2"/>
      <c r="FN90" s="2"/>
      <c r="FO90" s="2"/>
      <c r="FP90" s="2"/>
      <c r="FQ90" s="2"/>
      <c r="FR90" s="2"/>
    </row>
    <row r="91" spans="1:174" s="2" customFormat="1" ht="27" customHeight="1">
      <c r="A91" s="11">
        <v>2025</v>
      </c>
      <c r="B91" s="9">
        <v>454</v>
      </c>
      <c r="C91" s="10" t="s">
        <v>54</v>
      </c>
      <c r="D91" s="9" t="s">
        <v>237</v>
      </c>
      <c r="E91" s="9" t="s">
        <v>1596</v>
      </c>
      <c r="F91" s="9" t="s">
        <v>1597</v>
      </c>
      <c r="G91" s="9" t="s">
        <v>1598</v>
      </c>
      <c r="H91" s="9" t="s">
        <v>1599</v>
      </c>
      <c r="I91" s="9" t="s">
        <v>1600</v>
      </c>
      <c r="J91" s="9">
        <v>0</v>
      </c>
      <c r="K91" s="9">
        <v>0</v>
      </c>
      <c r="L91" s="9">
        <v>0</v>
      </c>
      <c r="M91" s="9"/>
      <c r="N91" s="9" t="s">
        <v>1176</v>
      </c>
      <c r="O91" s="9" t="s">
        <v>756</v>
      </c>
      <c r="P91" s="9" t="s">
        <v>323</v>
      </c>
      <c r="Q91" s="9" t="s">
        <v>106</v>
      </c>
      <c r="R91" s="9" t="s">
        <v>64</v>
      </c>
      <c r="S91" s="9">
        <v>0</v>
      </c>
      <c r="T91" s="9" t="s">
        <v>66</v>
      </c>
      <c r="U91" s="9" t="s">
        <v>66</v>
      </c>
      <c r="V91" s="9" t="s">
        <v>66</v>
      </c>
      <c r="W91" s="9" t="s">
        <v>66</v>
      </c>
      <c r="X91" s="9" t="s">
        <v>66</v>
      </c>
      <c r="Y91" s="9" t="s">
        <v>66</v>
      </c>
      <c r="Z91" s="9" t="s">
        <v>66</v>
      </c>
      <c r="AA91" s="9" t="s">
        <v>66</v>
      </c>
      <c r="AB91" s="9" t="s">
        <v>66</v>
      </c>
      <c r="AC91" s="9" t="s">
        <v>66</v>
      </c>
      <c r="AD91" s="9" t="s">
        <v>66</v>
      </c>
      <c r="AE91" s="9" t="s">
        <v>66</v>
      </c>
      <c r="AF91" s="9" t="s">
        <v>66</v>
      </c>
      <c r="AG91" s="9" t="s">
        <v>66</v>
      </c>
      <c r="AH91" s="9" t="s">
        <v>66</v>
      </c>
      <c r="AI91" s="9" t="s">
        <v>66</v>
      </c>
      <c r="AJ91" s="9" t="s">
        <v>66</v>
      </c>
      <c r="AK91" s="9" t="s">
        <v>66</v>
      </c>
      <c r="AL91" s="9" t="s">
        <v>66</v>
      </c>
      <c r="AM91" s="9" t="s">
        <v>66</v>
      </c>
      <c r="AN91" s="9" t="s">
        <v>66</v>
      </c>
      <c r="AO91" s="9" t="s">
        <v>66</v>
      </c>
      <c r="AP91" s="9" t="s">
        <v>66</v>
      </c>
      <c r="AQ91" s="9" t="s">
        <v>66</v>
      </c>
      <c r="AR91" s="9" t="s">
        <v>1601</v>
      </c>
      <c r="AS91" s="24" t="s">
        <v>90</v>
      </c>
      <c r="AT91" s="9" t="s">
        <v>1602</v>
      </c>
      <c r="AU91" s="9" t="s">
        <v>162</v>
      </c>
      <c r="AV91" s="9" t="s">
        <v>1603</v>
      </c>
      <c r="AW91" s="9" t="s">
        <v>655</v>
      </c>
      <c r="AX91" s="9" t="s">
        <v>655</v>
      </c>
      <c r="AY91" s="9" t="s">
        <v>387</v>
      </c>
      <c r="AZ91" s="9" t="s">
        <v>387</v>
      </c>
    </row>
    <row r="92" spans="1:174" s="2" customFormat="1" ht="27" customHeight="1">
      <c r="A92" s="11">
        <v>2025</v>
      </c>
      <c r="B92" s="9">
        <v>661</v>
      </c>
      <c r="C92" s="10" t="s">
        <v>54</v>
      </c>
      <c r="D92" s="9" t="s">
        <v>237</v>
      </c>
      <c r="E92" s="9" t="s">
        <v>1618</v>
      </c>
      <c r="F92" s="9" t="s">
        <v>1619</v>
      </c>
      <c r="G92" s="9" t="s">
        <v>1620</v>
      </c>
      <c r="H92" s="9" t="s">
        <v>1621</v>
      </c>
      <c r="I92" s="9" t="s">
        <v>1622</v>
      </c>
      <c r="J92" s="9">
        <v>0</v>
      </c>
      <c r="K92" s="9">
        <v>0</v>
      </c>
      <c r="L92" s="9">
        <v>0</v>
      </c>
      <c r="M92" s="9">
        <v>0</v>
      </c>
      <c r="N92" s="9" t="s">
        <v>1623</v>
      </c>
      <c r="O92" s="9" t="s">
        <v>1518</v>
      </c>
      <c r="P92" s="9" t="s">
        <v>62</v>
      </c>
      <c r="Q92" s="9" t="s">
        <v>209</v>
      </c>
      <c r="R92" s="9" t="s">
        <v>64</v>
      </c>
      <c r="S92" s="9">
        <v>0</v>
      </c>
      <c r="T92" s="9" t="s">
        <v>67</v>
      </c>
      <c r="U92" s="9" t="s">
        <v>67</v>
      </c>
      <c r="V92" s="9" t="s">
        <v>65</v>
      </c>
      <c r="W92" s="9" t="s">
        <v>67</v>
      </c>
      <c r="X92" s="9" t="s">
        <v>67</v>
      </c>
      <c r="Y92" s="9" t="s">
        <v>67</v>
      </c>
      <c r="Z92" s="9" t="s">
        <v>67</v>
      </c>
      <c r="AA92" s="9" t="s">
        <v>67</v>
      </c>
      <c r="AB92" s="9" t="s">
        <v>67</v>
      </c>
      <c r="AC92" s="9" t="s">
        <v>67</v>
      </c>
      <c r="AD92" s="9" t="s">
        <v>67</v>
      </c>
      <c r="AE92" s="9" t="s">
        <v>67</v>
      </c>
      <c r="AF92" s="9" t="s">
        <v>67</v>
      </c>
      <c r="AG92" s="9" t="s">
        <v>67</v>
      </c>
      <c r="AH92" s="9" t="s">
        <v>67</v>
      </c>
      <c r="AI92" s="9" t="s">
        <v>65</v>
      </c>
      <c r="AJ92" s="9" t="s">
        <v>65</v>
      </c>
      <c r="AK92" s="9" t="s">
        <v>67</v>
      </c>
      <c r="AL92" s="9" t="s">
        <v>67</v>
      </c>
      <c r="AM92" s="9" t="s">
        <v>65</v>
      </c>
      <c r="AN92" s="9" t="s">
        <v>67</v>
      </c>
      <c r="AO92" s="9" t="s">
        <v>67</v>
      </c>
      <c r="AP92" s="9" t="s">
        <v>65</v>
      </c>
      <c r="AQ92" s="9" t="s">
        <v>67</v>
      </c>
      <c r="AR92" s="9" t="s">
        <v>1624</v>
      </c>
      <c r="AS92" s="62" t="s">
        <v>64</v>
      </c>
      <c r="AT92" s="9">
        <v>0</v>
      </c>
      <c r="AU92" s="9" t="s">
        <v>162</v>
      </c>
      <c r="AV92" s="9" t="s">
        <v>1625</v>
      </c>
      <c r="AW92" s="9" t="s">
        <v>1626</v>
      </c>
      <c r="AX92" s="9" t="s">
        <v>1627</v>
      </c>
      <c r="AY92" s="9" t="s">
        <v>1628</v>
      </c>
      <c r="AZ92" s="9" t="s">
        <v>1629</v>
      </c>
    </row>
    <row r="93" spans="1:174" s="2" customFormat="1" ht="27" customHeight="1">
      <c r="A93" s="18" t="s">
        <v>1364</v>
      </c>
      <c r="B93" s="13">
        <v>700</v>
      </c>
      <c r="C93" s="10" t="s">
        <v>54</v>
      </c>
      <c r="D93" s="13" t="s">
        <v>237</v>
      </c>
      <c r="E93" s="13" t="s">
        <v>1869</v>
      </c>
      <c r="F93" s="9" t="s">
        <v>1870</v>
      </c>
      <c r="G93" s="13" t="s">
        <v>1871</v>
      </c>
      <c r="H93" s="14" t="s">
        <v>1872</v>
      </c>
      <c r="I93" s="13" t="s">
        <v>1873</v>
      </c>
      <c r="J93" s="13">
        <v>72</v>
      </c>
      <c r="K93" s="13">
        <v>5.5</v>
      </c>
      <c r="L93" s="13">
        <v>785</v>
      </c>
      <c r="M93" s="13"/>
      <c r="N93" s="13" t="s">
        <v>67</v>
      </c>
      <c r="O93" s="13" t="s">
        <v>1874</v>
      </c>
      <c r="P93" s="13" t="s">
        <v>1875</v>
      </c>
      <c r="Q93" s="13" t="s">
        <v>1780</v>
      </c>
      <c r="R93" s="13" t="s">
        <v>64</v>
      </c>
      <c r="S93" s="13">
        <v>0</v>
      </c>
      <c r="T93" s="13" t="s">
        <v>67</v>
      </c>
      <c r="U93" s="13" t="s">
        <v>67</v>
      </c>
      <c r="V93" s="13" t="s">
        <v>65</v>
      </c>
      <c r="W93" s="13" t="s">
        <v>65</v>
      </c>
      <c r="X93" s="13" t="s">
        <v>67</v>
      </c>
      <c r="Y93" s="13" t="s">
        <v>67</v>
      </c>
      <c r="Z93" s="13" t="s">
        <v>67</v>
      </c>
      <c r="AA93" s="13" t="s">
        <v>67</v>
      </c>
      <c r="AB93" s="13" t="s">
        <v>67</v>
      </c>
      <c r="AC93" s="13" t="s">
        <v>67</v>
      </c>
      <c r="AD93" s="13" t="s">
        <v>67</v>
      </c>
      <c r="AE93" s="13" t="s">
        <v>67</v>
      </c>
      <c r="AF93" s="13" t="s">
        <v>67</v>
      </c>
      <c r="AG93" s="13" t="s">
        <v>67</v>
      </c>
      <c r="AH93" s="13" t="s">
        <v>67</v>
      </c>
      <c r="AI93" s="13" t="s">
        <v>67</v>
      </c>
      <c r="AJ93" s="13" t="s">
        <v>65</v>
      </c>
      <c r="AK93" s="13" t="s">
        <v>67</v>
      </c>
      <c r="AL93" s="13" t="s">
        <v>67</v>
      </c>
      <c r="AM93" s="13" t="s">
        <v>65</v>
      </c>
      <c r="AN93" s="13" t="s">
        <v>67</v>
      </c>
      <c r="AO93" s="13" t="s">
        <v>67</v>
      </c>
      <c r="AP93" s="13" t="s">
        <v>65</v>
      </c>
      <c r="AQ93" s="13" t="s">
        <v>67</v>
      </c>
      <c r="AR93" s="14" t="s">
        <v>1872</v>
      </c>
      <c r="AS93" s="62" t="s">
        <v>64</v>
      </c>
      <c r="AT93" s="13">
        <v>0</v>
      </c>
      <c r="AU93" s="13" t="s">
        <v>286</v>
      </c>
      <c r="AV93" s="14" t="s">
        <v>1876</v>
      </c>
      <c r="AW93" s="13" t="s">
        <v>1877</v>
      </c>
      <c r="AX93" s="13" t="s">
        <v>1878</v>
      </c>
      <c r="AY93" s="13" t="s">
        <v>1879</v>
      </c>
      <c r="AZ93" s="13" t="s">
        <v>1880</v>
      </c>
      <c r="BA93" s="15"/>
    </row>
    <row r="94" spans="1:174" s="2" customFormat="1" ht="27" customHeight="1">
      <c r="A94" s="18">
        <v>2024</v>
      </c>
      <c r="B94" s="13">
        <v>497</v>
      </c>
      <c r="C94" s="10" t="s">
        <v>54</v>
      </c>
      <c r="D94" s="13" t="s">
        <v>1224</v>
      </c>
      <c r="E94" s="13" t="s">
        <v>1225</v>
      </c>
      <c r="F94" s="9" t="s">
        <v>1226</v>
      </c>
      <c r="G94" s="13" t="s">
        <v>1227</v>
      </c>
      <c r="H94" s="14" t="s">
        <v>1228</v>
      </c>
      <c r="I94" s="13" t="s">
        <v>1229</v>
      </c>
      <c r="J94" s="13" t="s">
        <v>134</v>
      </c>
      <c r="K94" s="13" t="s">
        <v>134</v>
      </c>
      <c r="L94" s="13" t="s">
        <v>134</v>
      </c>
      <c r="M94" s="13" t="s">
        <v>134</v>
      </c>
      <c r="N94" s="13" t="s">
        <v>1230</v>
      </c>
      <c r="O94" s="13"/>
      <c r="P94" s="13" t="s">
        <v>1231</v>
      </c>
      <c r="Q94" s="13" t="s">
        <v>121</v>
      </c>
      <c r="R94" s="13"/>
      <c r="S94" s="13"/>
      <c r="T94" s="13" t="s">
        <v>66</v>
      </c>
      <c r="U94" s="13" t="s">
        <v>66</v>
      </c>
      <c r="V94" s="13" t="s">
        <v>66</v>
      </c>
      <c r="W94" s="13" t="s">
        <v>67</v>
      </c>
      <c r="X94" s="13" t="s">
        <v>67</v>
      </c>
      <c r="Y94" s="13" t="s">
        <v>67</v>
      </c>
      <c r="Z94" s="13" t="s">
        <v>67</v>
      </c>
      <c r="AA94" s="13" t="s">
        <v>67</v>
      </c>
      <c r="AB94" s="13" t="s">
        <v>67</v>
      </c>
      <c r="AC94" s="13" t="s">
        <v>66</v>
      </c>
      <c r="AD94" s="13" t="s">
        <v>67</v>
      </c>
      <c r="AE94" s="13" t="s">
        <v>67</v>
      </c>
      <c r="AF94" s="13" t="s">
        <v>67</v>
      </c>
      <c r="AG94" s="13" t="s">
        <v>67</v>
      </c>
      <c r="AH94" s="13" t="s">
        <v>67</v>
      </c>
      <c r="AI94" s="13" t="s">
        <v>67</v>
      </c>
      <c r="AJ94" s="13" t="s">
        <v>67</v>
      </c>
      <c r="AK94" s="13" t="s">
        <v>67</v>
      </c>
      <c r="AL94" s="13" t="s">
        <v>67</v>
      </c>
      <c r="AM94" s="13" t="s">
        <v>66</v>
      </c>
      <c r="AN94" s="13" t="s">
        <v>67</v>
      </c>
      <c r="AO94" s="13" t="s">
        <v>67</v>
      </c>
      <c r="AP94" s="13" t="s">
        <v>67</v>
      </c>
      <c r="AQ94" s="13" t="s">
        <v>67</v>
      </c>
      <c r="AR94" s="14" t="s">
        <v>1232</v>
      </c>
      <c r="AS94" s="62" t="s">
        <v>64</v>
      </c>
      <c r="AT94" s="13"/>
      <c r="AU94" s="13" t="s">
        <v>769</v>
      </c>
      <c r="AV94" s="13"/>
      <c r="AW94" s="13" t="s">
        <v>1233</v>
      </c>
      <c r="AX94" s="13" t="s">
        <v>1234</v>
      </c>
      <c r="AY94" s="13" t="s">
        <v>1235</v>
      </c>
      <c r="AZ94" s="13" t="s">
        <v>1236</v>
      </c>
      <c r="BA94" s="15"/>
    </row>
    <row r="95" spans="1:174" s="2" customFormat="1" ht="27" customHeight="1">
      <c r="A95" s="11">
        <v>2025</v>
      </c>
      <c r="B95" s="9">
        <v>707</v>
      </c>
      <c r="C95" s="10" t="s">
        <v>54</v>
      </c>
      <c r="D95" s="9" t="s">
        <v>1457</v>
      </c>
      <c r="E95" s="9" t="s">
        <v>1458</v>
      </c>
      <c r="F95" s="9" t="s">
        <v>1459</v>
      </c>
      <c r="G95" s="9" t="s">
        <v>1460</v>
      </c>
      <c r="H95" s="9" t="s">
        <v>1461</v>
      </c>
      <c r="I95" s="9" t="s">
        <v>1462</v>
      </c>
      <c r="J95" s="9">
        <v>0</v>
      </c>
      <c r="K95" s="9">
        <v>0</v>
      </c>
      <c r="L95" s="9">
        <v>0</v>
      </c>
      <c r="M95" s="9">
        <v>0</v>
      </c>
      <c r="N95" s="9" t="s">
        <v>1463</v>
      </c>
      <c r="O95" s="9" t="s">
        <v>1463</v>
      </c>
      <c r="P95" s="9" t="s">
        <v>1464</v>
      </c>
      <c r="Q95" s="9" t="s">
        <v>209</v>
      </c>
      <c r="R95" s="9" t="s">
        <v>64</v>
      </c>
      <c r="S95" s="9">
        <v>0</v>
      </c>
      <c r="T95" s="9" t="s">
        <v>65</v>
      </c>
      <c r="U95" s="9" t="s">
        <v>65</v>
      </c>
      <c r="V95" s="9" t="s">
        <v>65</v>
      </c>
      <c r="W95" s="9" t="s">
        <v>67</v>
      </c>
      <c r="X95" s="9" t="s">
        <v>65</v>
      </c>
      <c r="Y95" s="9" t="s">
        <v>65</v>
      </c>
      <c r="Z95" s="9" t="s">
        <v>67</v>
      </c>
      <c r="AA95" s="9" t="s">
        <v>65</v>
      </c>
      <c r="AB95" s="9" t="s">
        <v>65</v>
      </c>
      <c r="AC95" s="9" t="s">
        <v>65</v>
      </c>
      <c r="AD95" s="9" t="s">
        <v>67</v>
      </c>
      <c r="AE95" s="9" t="s">
        <v>65</v>
      </c>
      <c r="AF95" s="9" t="s">
        <v>67</v>
      </c>
      <c r="AG95" s="9" t="s">
        <v>67</v>
      </c>
      <c r="AH95" s="9" t="s">
        <v>65</v>
      </c>
      <c r="AI95" s="9" t="s">
        <v>65</v>
      </c>
      <c r="AJ95" s="9" t="s">
        <v>67</v>
      </c>
      <c r="AK95" s="9" t="s">
        <v>65</v>
      </c>
      <c r="AL95" s="9" t="s">
        <v>65</v>
      </c>
      <c r="AM95" s="9" t="s">
        <v>65</v>
      </c>
      <c r="AN95" s="9" t="s">
        <v>67</v>
      </c>
      <c r="AO95" s="9" t="s">
        <v>65</v>
      </c>
      <c r="AP95" s="9" t="s">
        <v>67</v>
      </c>
      <c r="AQ95" s="9" t="s">
        <v>67</v>
      </c>
      <c r="AR95" s="9" t="s">
        <v>1461</v>
      </c>
      <c r="AS95" s="62" t="s">
        <v>64</v>
      </c>
      <c r="AT95" s="9">
        <v>0</v>
      </c>
      <c r="AU95" s="9" t="s">
        <v>162</v>
      </c>
      <c r="AV95" s="9" t="s">
        <v>1465</v>
      </c>
      <c r="AW95" s="9" t="s">
        <v>722</v>
      </c>
      <c r="AX95" s="9" t="s">
        <v>1466</v>
      </c>
      <c r="AY95" s="9" t="s">
        <v>1467</v>
      </c>
      <c r="AZ95" s="9" t="s">
        <v>1468</v>
      </c>
    </row>
    <row r="96" spans="1:174" s="2" customFormat="1" ht="27" customHeight="1">
      <c r="A96" s="11">
        <v>2025</v>
      </c>
      <c r="B96" s="9">
        <v>572</v>
      </c>
      <c r="C96" s="10" t="s">
        <v>54</v>
      </c>
      <c r="D96" s="9" t="s">
        <v>1457</v>
      </c>
      <c r="E96" s="9" t="s">
        <v>1469</v>
      </c>
      <c r="F96" s="9" t="s">
        <v>1470</v>
      </c>
      <c r="G96" s="9" t="s">
        <v>1471</v>
      </c>
      <c r="H96" s="9" t="s">
        <v>1472</v>
      </c>
      <c r="I96" s="9" t="s">
        <v>1473</v>
      </c>
      <c r="J96" s="9">
        <v>0</v>
      </c>
      <c r="K96" s="9">
        <v>0</v>
      </c>
      <c r="L96" s="9">
        <v>0</v>
      </c>
      <c r="M96" s="9">
        <v>0</v>
      </c>
      <c r="N96" s="9" t="s">
        <v>1474</v>
      </c>
      <c r="O96" s="9" t="s">
        <v>1475</v>
      </c>
      <c r="P96" s="9" t="s">
        <v>323</v>
      </c>
      <c r="Q96" s="9" t="s">
        <v>310</v>
      </c>
      <c r="R96" s="9" t="s">
        <v>64</v>
      </c>
      <c r="S96" s="9">
        <v>0</v>
      </c>
      <c r="T96" s="9" t="s">
        <v>65</v>
      </c>
      <c r="U96" s="9" t="s">
        <v>65</v>
      </c>
      <c r="V96" s="9" t="s">
        <v>65</v>
      </c>
      <c r="W96" s="9" t="s">
        <v>65</v>
      </c>
      <c r="X96" s="9" t="s">
        <v>65</v>
      </c>
      <c r="Y96" s="9" t="s">
        <v>65</v>
      </c>
      <c r="Z96" s="9" t="s">
        <v>67</v>
      </c>
      <c r="AA96" s="9" t="s">
        <v>65</v>
      </c>
      <c r="AB96" s="9" t="s">
        <v>67</v>
      </c>
      <c r="AC96" s="9" t="s">
        <v>65</v>
      </c>
      <c r="AD96" s="9" t="s">
        <v>67</v>
      </c>
      <c r="AE96" s="9" t="s">
        <v>65</v>
      </c>
      <c r="AF96" s="9" t="s">
        <v>67</v>
      </c>
      <c r="AG96" s="9" t="s">
        <v>65</v>
      </c>
      <c r="AH96" s="9" t="s">
        <v>65</v>
      </c>
      <c r="AI96" s="9" t="s">
        <v>65</v>
      </c>
      <c r="AJ96" s="9" t="s">
        <v>67</v>
      </c>
      <c r="AK96" s="9" t="s">
        <v>65</v>
      </c>
      <c r="AL96" s="9" t="s">
        <v>67</v>
      </c>
      <c r="AM96" s="9" t="s">
        <v>65</v>
      </c>
      <c r="AN96" s="9" t="s">
        <v>67</v>
      </c>
      <c r="AO96" s="9" t="s">
        <v>65</v>
      </c>
      <c r="AP96" s="9" t="s">
        <v>67</v>
      </c>
      <c r="AQ96" s="9" t="s">
        <v>67</v>
      </c>
      <c r="AR96" s="9" t="s">
        <v>1476</v>
      </c>
      <c r="AS96" s="62" t="s">
        <v>64</v>
      </c>
      <c r="AT96" s="9">
        <v>0</v>
      </c>
      <c r="AU96" s="9" t="s">
        <v>108</v>
      </c>
      <c r="AV96" s="9" t="s">
        <v>1477</v>
      </c>
      <c r="AW96" s="9" t="s">
        <v>1178</v>
      </c>
      <c r="AX96" s="9" t="s">
        <v>1478</v>
      </c>
      <c r="AY96" s="9" t="s">
        <v>1479</v>
      </c>
      <c r="AZ96" s="9" t="s">
        <v>1480</v>
      </c>
    </row>
    <row r="97" spans="1:174" s="12" customFormat="1" ht="33" customHeight="1">
      <c r="A97" s="11">
        <v>2025</v>
      </c>
      <c r="B97" s="9">
        <v>162</v>
      </c>
      <c r="C97" s="10" t="s">
        <v>54</v>
      </c>
      <c r="D97" s="9" t="s">
        <v>1457</v>
      </c>
      <c r="E97" s="9" t="s">
        <v>1458</v>
      </c>
      <c r="F97" s="9" t="s">
        <v>1641</v>
      </c>
      <c r="G97" s="9" t="s">
        <v>1642</v>
      </c>
      <c r="H97" s="9" t="s">
        <v>1957</v>
      </c>
      <c r="I97" s="9" t="s">
        <v>1643</v>
      </c>
      <c r="J97" s="9">
        <v>78</v>
      </c>
      <c r="K97" s="9">
        <v>6</v>
      </c>
      <c r="L97" s="9">
        <v>645</v>
      </c>
      <c r="M97" s="9">
        <v>0</v>
      </c>
      <c r="N97" s="9" t="s">
        <v>1644</v>
      </c>
      <c r="O97" s="9" t="s">
        <v>1645</v>
      </c>
      <c r="P97" s="9" t="s">
        <v>62</v>
      </c>
      <c r="Q97" s="9" t="s">
        <v>539</v>
      </c>
      <c r="R97" s="9" t="s">
        <v>64</v>
      </c>
      <c r="S97" s="9" t="s">
        <v>1646</v>
      </c>
      <c r="T97" s="9" t="s">
        <v>67</v>
      </c>
      <c r="U97" s="9" t="s">
        <v>67</v>
      </c>
      <c r="V97" s="9" t="s">
        <v>65</v>
      </c>
      <c r="W97" s="9" t="s">
        <v>65</v>
      </c>
      <c r="X97" s="9" t="s">
        <v>67</v>
      </c>
      <c r="Y97" s="9" t="s">
        <v>67</v>
      </c>
      <c r="Z97" s="9" t="s">
        <v>67</v>
      </c>
      <c r="AA97" s="9" t="s">
        <v>67</v>
      </c>
      <c r="AB97" s="9" t="s">
        <v>67</v>
      </c>
      <c r="AC97" s="9" t="s">
        <v>67</v>
      </c>
      <c r="AD97" s="9" t="s">
        <v>67</v>
      </c>
      <c r="AE97" s="9" t="s">
        <v>67</v>
      </c>
      <c r="AF97" s="9" t="s">
        <v>67</v>
      </c>
      <c r="AG97" s="9" t="s">
        <v>67</v>
      </c>
      <c r="AH97" s="9" t="s">
        <v>67</v>
      </c>
      <c r="AI97" s="9" t="s">
        <v>67</v>
      </c>
      <c r="AJ97" s="9" t="s">
        <v>65</v>
      </c>
      <c r="AK97" s="9" t="s">
        <v>67</v>
      </c>
      <c r="AL97" s="9" t="s">
        <v>67</v>
      </c>
      <c r="AM97" s="9" t="s">
        <v>65</v>
      </c>
      <c r="AN97" s="9" t="s">
        <v>67</v>
      </c>
      <c r="AO97" s="9" t="s">
        <v>67</v>
      </c>
      <c r="AP97" s="9" t="s">
        <v>67</v>
      </c>
      <c r="AQ97" s="9" t="s">
        <v>67</v>
      </c>
      <c r="AR97" s="9" t="s">
        <v>1647</v>
      </c>
      <c r="AS97" s="62" t="s">
        <v>64</v>
      </c>
      <c r="AT97" s="9">
        <v>0</v>
      </c>
      <c r="AU97" s="9" t="s">
        <v>151</v>
      </c>
      <c r="AV97" s="9" t="s">
        <v>1648</v>
      </c>
      <c r="AW97" s="9" t="s">
        <v>1649</v>
      </c>
      <c r="AX97" s="39" t="s">
        <v>1649</v>
      </c>
      <c r="AY97" s="40" t="s">
        <v>1650</v>
      </c>
      <c r="AZ97" s="9" t="s">
        <v>1650</v>
      </c>
      <c r="BA97" s="2"/>
      <c r="BB97" s="2"/>
      <c r="BC97" s="2"/>
      <c r="BD97" s="2"/>
      <c r="BE97" s="2"/>
      <c r="BF97" s="2"/>
      <c r="BG97" s="2"/>
      <c r="BH97" s="2"/>
      <c r="BI97" s="2"/>
      <c r="BJ97" s="2"/>
      <c r="BK97" s="2"/>
      <c r="BL97" s="2"/>
      <c r="BM97" s="2"/>
      <c r="BN97" s="2"/>
      <c r="BO97" s="2"/>
      <c r="BP97" s="2"/>
      <c r="BQ97" s="2"/>
      <c r="BR97" s="2"/>
      <c r="BS97" s="2"/>
      <c r="BT97" s="2"/>
      <c r="BU97" s="2"/>
      <c r="BV97" s="2"/>
      <c r="BW97" s="2"/>
      <c r="BX97" s="2"/>
      <c r="BY97" s="2"/>
      <c r="BZ97" s="2"/>
      <c r="CA97" s="2"/>
      <c r="CB97" s="2"/>
      <c r="CC97" s="2"/>
      <c r="CD97" s="2"/>
      <c r="CE97" s="2"/>
      <c r="CF97" s="2"/>
      <c r="CG97" s="2"/>
      <c r="CH97" s="2"/>
      <c r="CI97" s="2"/>
      <c r="CJ97" s="2"/>
      <c r="CK97" s="2"/>
      <c r="CL97" s="2"/>
      <c r="CM97" s="2"/>
      <c r="CN97" s="2"/>
      <c r="CO97" s="2"/>
      <c r="CP97" s="2"/>
      <c r="CQ97" s="2"/>
      <c r="CR97" s="2"/>
      <c r="CS97" s="2"/>
      <c r="CT97" s="2"/>
      <c r="CU97" s="2"/>
      <c r="CV97" s="2"/>
      <c r="CW97" s="2"/>
      <c r="CX97" s="2"/>
      <c r="CY97" s="2"/>
      <c r="CZ97" s="2"/>
      <c r="DA97" s="2"/>
      <c r="DB97" s="2"/>
      <c r="DC97" s="2"/>
      <c r="DD97" s="2"/>
      <c r="DE97" s="2"/>
      <c r="DF97" s="2"/>
      <c r="DG97" s="2"/>
      <c r="DH97" s="2"/>
      <c r="DI97" s="2"/>
      <c r="DJ97" s="2"/>
      <c r="DK97" s="2"/>
      <c r="DL97" s="2"/>
      <c r="DM97" s="2"/>
      <c r="DN97" s="2"/>
      <c r="DO97" s="2"/>
      <c r="DP97" s="2"/>
      <c r="DQ97" s="2"/>
      <c r="DR97" s="2"/>
      <c r="DS97" s="2"/>
      <c r="DT97" s="2"/>
      <c r="DU97" s="2"/>
      <c r="DV97" s="2"/>
      <c r="DW97" s="2"/>
      <c r="DX97" s="2"/>
      <c r="DY97" s="2"/>
      <c r="DZ97" s="2"/>
      <c r="EA97" s="2"/>
      <c r="EB97" s="2"/>
      <c r="EC97" s="2"/>
      <c r="ED97" s="2"/>
      <c r="EE97" s="2"/>
      <c r="EF97" s="2"/>
      <c r="EG97" s="2"/>
      <c r="EH97" s="2"/>
      <c r="EI97" s="2"/>
      <c r="EJ97" s="2"/>
      <c r="EK97" s="2"/>
      <c r="EL97" s="2"/>
      <c r="EM97" s="2"/>
      <c r="EN97" s="2"/>
      <c r="EO97" s="2"/>
      <c r="EP97" s="2"/>
      <c r="EQ97" s="2"/>
      <c r="ER97" s="2"/>
      <c r="ES97" s="2"/>
      <c r="ET97" s="2"/>
      <c r="EU97" s="2"/>
      <c r="EV97" s="2"/>
      <c r="EW97" s="2"/>
      <c r="EX97" s="2"/>
      <c r="EY97" s="2"/>
      <c r="EZ97" s="2"/>
      <c r="FA97" s="2"/>
      <c r="FB97" s="2"/>
      <c r="FC97" s="2"/>
      <c r="FD97" s="2"/>
      <c r="FE97" s="2"/>
      <c r="FF97" s="2"/>
      <c r="FG97" s="2"/>
      <c r="FH97" s="2"/>
      <c r="FI97" s="2"/>
      <c r="FJ97" s="2"/>
      <c r="FK97" s="2"/>
      <c r="FL97" s="2"/>
      <c r="FM97" s="2"/>
      <c r="FN97" s="2"/>
      <c r="FO97" s="2"/>
      <c r="FP97" s="2"/>
      <c r="FQ97" s="2"/>
      <c r="FR97" s="2"/>
    </row>
    <row r="98" spans="1:174" s="2" customFormat="1" ht="27" customHeight="1">
      <c r="A98" s="11">
        <v>2025</v>
      </c>
      <c r="B98" s="9">
        <v>305</v>
      </c>
      <c r="C98" s="10" t="s">
        <v>54</v>
      </c>
      <c r="D98" s="9" t="s">
        <v>340</v>
      </c>
      <c r="E98" s="9" t="s">
        <v>341</v>
      </c>
      <c r="F98" s="9" t="s">
        <v>342</v>
      </c>
      <c r="G98" s="9" t="s">
        <v>343</v>
      </c>
      <c r="H98" s="9" t="s">
        <v>344</v>
      </c>
      <c r="I98" s="9" t="s">
        <v>345</v>
      </c>
      <c r="J98" s="9">
        <v>0</v>
      </c>
      <c r="K98" s="9">
        <v>0</v>
      </c>
      <c r="L98" s="9">
        <v>0</v>
      </c>
      <c r="M98" s="9" t="s">
        <v>196</v>
      </c>
      <c r="N98" s="9" t="s">
        <v>346</v>
      </c>
      <c r="O98" s="9" t="s">
        <v>347</v>
      </c>
      <c r="P98" s="9" t="s">
        <v>348</v>
      </c>
      <c r="Q98" s="9" t="s">
        <v>121</v>
      </c>
      <c r="R98" s="9" t="s">
        <v>64</v>
      </c>
      <c r="S98" s="9">
        <v>0</v>
      </c>
      <c r="T98" s="9" t="s">
        <v>66</v>
      </c>
      <c r="U98" s="9" t="s">
        <v>66</v>
      </c>
      <c r="V98" s="9" t="s">
        <v>66</v>
      </c>
      <c r="W98" s="9" t="s">
        <v>67</v>
      </c>
      <c r="X98" s="9" t="s">
        <v>66</v>
      </c>
      <c r="Y98" s="9" t="s">
        <v>67</v>
      </c>
      <c r="Z98" s="9" t="s">
        <v>67</v>
      </c>
      <c r="AA98" s="9" t="s">
        <v>67</v>
      </c>
      <c r="AB98" s="9" t="s">
        <v>67</v>
      </c>
      <c r="AC98" s="9" t="s">
        <v>67</v>
      </c>
      <c r="AD98" s="9" t="s">
        <v>66</v>
      </c>
      <c r="AE98" s="9" t="s">
        <v>67</v>
      </c>
      <c r="AF98" s="9" t="s">
        <v>67</v>
      </c>
      <c r="AG98" s="9" t="s">
        <v>66</v>
      </c>
      <c r="AH98" s="9" t="s">
        <v>66</v>
      </c>
      <c r="AI98" s="9" t="s">
        <v>67</v>
      </c>
      <c r="AJ98" s="9" t="s">
        <v>67</v>
      </c>
      <c r="AK98" s="9" t="s">
        <v>67</v>
      </c>
      <c r="AL98" s="9" t="s">
        <v>67</v>
      </c>
      <c r="AM98" s="9" t="s">
        <v>67</v>
      </c>
      <c r="AN98" s="9" t="s">
        <v>66</v>
      </c>
      <c r="AO98" s="9" t="s">
        <v>67</v>
      </c>
      <c r="AP98" s="9" t="s">
        <v>67</v>
      </c>
      <c r="AQ98" s="9" t="s">
        <v>66</v>
      </c>
      <c r="AR98" s="9" t="s">
        <v>349</v>
      </c>
      <c r="AS98" s="62" t="s">
        <v>64</v>
      </c>
      <c r="AT98" s="9">
        <v>0</v>
      </c>
      <c r="AU98" s="9" t="s">
        <v>151</v>
      </c>
      <c r="AV98" s="9" t="s">
        <v>350</v>
      </c>
      <c r="AW98" s="9" t="s">
        <v>351</v>
      </c>
      <c r="AX98" s="9" t="s">
        <v>352</v>
      </c>
      <c r="AY98" s="9" t="s">
        <v>353</v>
      </c>
      <c r="AZ98" s="9" t="s">
        <v>354</v>
      </c>
    </row>
    <row r="99" spans="1:174" s="2" customFormat="1" ht="27" customHeight="1">
      <c r="A99" s="11">
        <v>2025</v>
      </c>
      <c r="B99" s="9">
        <v>155</v>
      </c>
      <c r="C99" s="10" t="s">
        <v>54</v>
      </c>
      <c r="D99" s="9" t="s">
        <v>340</v>
      </c>
      <c r="E99" s="9" t="s">
        <v>1719</v>
      </c>
      <c r="F99" s="9" t="s">
        <v>1720</v>
      </c>
      <c r="G99" s="9" t="s">
        <v>1721</v>
      </c>
      <c r="H99" s="9" t="s">
        <v>1722</v>
      </c>
      <c r="I99" s="9" t="s">
        <v>1723</v>
      </c>
      <c r="J99" s="9">
        <v>550</v>
      </c>
      <c r="K99" s="9">
        <v>6</v>
      </c>
      <c r="L99" s="9">
        <v>290</v>
      </c>
      <c r="M99" s="9">
        <v>0</v>
      </c>
      <c r="N99" s="9" t="s">
        <v>1113</v>
      </c>
      <c r="O99" s="9" t="s">
        <v>1113</v>
      </c>
      <c r="P99" s="9" t="s">
        <v>1724</v>
      </c>
      <c r="Q99" s="9" t="s">
        <v>539</v>
      </c>
      <c r="R99" s="9" t="s">
        <v>64</v>
      </c>
      <c r="S99" s="9" t="s">
        <v>1725</v>
      </c>
      <c r="T99" s="9" t="s">
        <v>65</v>
      </c>
      <c r="U99" s="9" t="s">
        <v>67</v>
      </c>
      <c r="V99" s="9" t="s">
        <v>67</v>
      </c>
      <c r="W99" s="9" t="s">
        <v>67</v>
      </c>
      <c r="X99" s="9" t="s">
        <v>65</v>
      </c>
      <c r="Y99" s="9" t="s">
        <v>67</v>
      </c>
      <c r="Z99" s="9" t="s">
        <v>67</v>
      </c>
      <c r="AA99" s="9" t="s">
        <v>65</v>
      </c>
      <c r="AB99" s="9" t="s">
        <v>65</v>
      </c>
      <c r="AC99" s="9" t="s">
        <v>65</v>
      </c>
      <c r="AD99" s="9" t="s">
        <v>67</v>
      </c>
      <c r="AE99" s="9" t="s">
        <v>65</v>
      </c>
      <c r="AF99" s="9" t="s">
        <v>67</v>
      </c>
      <c r="AG99" s="9" t="s">
        <v>65</v>
      </c>
      <c r="AH99" s="9" t="s">
        <v>67</v>
      </c>
      <c r="AI99" s="9" t="s">
        <v>67</v>
      </c>
      <c r="AJ99" s="9" t="s">
        <v>67</v>
      </c>
      <c r="AK99" s="9" t="s">
        <v>67</v>
      </c>
      <c r="AL99" s="9" t="s">
        <v>67</v>
      </c>
      <c r="AM99" s="9" t="s">
        <v>67</v>
      </c>
      <c r="AN99" s="9" t="s">
        <v>67</v>
      </c>
      <c r="AO99" s="9" t="s">
        <v>67</v>
      </c>
      <c r="AP99" s="9" t="s">
        <v>67</v>
      </c>
      <c r="AQ99" s="9" t="s">
        <v>67</v>
      </c>
      <c r="AR99" s="9" t="s">
        <v>1726</v>
      </c>
      <c r="AS99" s="62" t="s">
        <v>64</v>
      </c>
      <c r="AT99" s="9" t="s">
        <v>1727</v>
      </c>
      <c r="AU99" s="9" t="s">
        <v>151</v>
      </c>
      <c r="AV99" s="9" t="s">
        <v>1728</v>
      </c>
      <c r="AW99" s="9" t="s">
        <v>1639</v>
      </c>
      <c r="AX99" s="9" t="s">
        <v>110</v>
      </c>
      <c r="AY99" s="9" t="s">
        <v>112</v>
      </c>
      <c r="AZ99" s="9" t="s">
        <v>1729</v>
      </c>
    </row>
    <row r="100" spans="1:174" s="2" customFormat="1" ht="27" customHeight="1">
      <c r="A100" s="11">
        <v>2025</v>
      </c>
      <c r="B100" s="9">
        <v>354</v>
      </c>
      <c r="C100" s="10" t="s">
        <v>54</v>
      </c>
      <c r="D100" s="9" t="s">
        <v>330</v>
      </c>
      <c r="E100" s="9" t="s">
        <v>331</v>
      </c>
      <c r="F100" s="9" t="s">
        <v>332</v>
      </c>
      <c r="G100" s="9" t="s">
        <v>333</v>
      </c>
      <c r="H100" s="9" t="s">
        <v>334</v>
      </c>
      <c r="I100" s="9" t="s">
        <v>335</v>
      </c>
      <c r="J100" s="9">
        <v>0</v>
      </c>
      <c r="K100" s="9">
        <v>0</v>
      </c>
      <c r="L100" s="9">
        <v>0</v>
      </c>
      <c r="M100" s="9">
        <v>0</v>
      </c>
      <c r="N100" s="9" t="s">
        <v>336</v>
      </c>
      <c r="O100" s="9" t="s">
        <v>322</v>
      </c>
      <c r="P100" s="9" t="s">
        <v>322</v>
      </c>
      <c r="Q100" s="9" t="s">
        <v>310</v>
      </c>
      <c r="R100" s="9" t="s">
        <v>64</v>
      </c>
      <c r="S100" s="9">
        <v>0</v>
      </c>
      <c r="T100" s="9" t="s">
        <v>65</v>
      </c>
      <c r="U100" s="9" t="s">
        <v>67</v>
      </c>
      <c r="V100" s="9" t="s">
        <v>65</v>
      </c>
      <c r="W100" s="9" t="s">
        <v>67</v>
      </c>
      <c r="X100" s="9" t="s">
        <v>67</v>
      </c>
      <c r="Y100" s="9" t="s">
        <v>67</v>
      </c>
      <c r="Z100" s="9" t="s">
        <v>67</v>
      </c>
      <c r="AA100" s="9" t="s">
        <v>67</v>
      </c>
      <c r="AB100" s="9" t="s">
        <v>67</v>
      </c>
      <c r="AC100" s="9" t="s">
        <v>65</v>
      </c>
      <c r="AD100" s="9" t="s">
        <v>67</v>
      </c>
      <c r="AE100" s="9" t="s">
        <v>67</v>
      </c>
      <c r="AF100" s="9" t="s">
        <v>67</v>
      </c>
      <c r="AG100" s="9" t="s">
        <v>67</v>
      </c>
      <c r="AH100" s="9" t="s">
        <v>67</v>
      </c>
      <c r="AI100" s="9" t="s">
        <v>67</v>
      </c>
      <c r="AJ100" s="9" t="s">
        <v>67</v>
      </c>
      <c r="AK100" s="9" t="s">
        <v>67</v>
      </c>
      <c r="AL100" s="9" t="s">
        <v>67</v>
      </c>
      <c r="AM100" s="9" t="s">
        <v>65</v>
      </c>
      <c r="AN100" s="9" t="s">
        <v>67</v>
      </c>
      <c r="AO100" s="9" t="s">
        <v>67</v>
      </c>
      <c r="AP100" s="9" t="s">
        <v>67</v>
      </c>
      <c r="AQ100" s="9" t="s">
        <v>67</v>
      </c>
      <c r="AR100" s="9" t="s">
        <v>337</v>
      </c>
      <c r="AS100" s="62" t="s">
        <v>64</v>
      </c>
      <c r="AT100" s="9">
        <v>0</v>
      </c>
      <c r="AU100" s="9" t="s">
        <v>162</v>
      </c>
      <c r="AV100" s="9" t="s">
        <v>338</v>
      </c>
      <c r="AW100" s="22">
        <v>45955</v>
      </c>
      <c r="AX100" s="23" t="s">
        <v>339</v>
      </c>
      <c r="AY100" s="22">
        <v>45772</v>
      </c>
      <c r="AZ100" s="22">
        <v>45792</v>
      </c>
    </row>
    <row r="101" spans="1:174" s="2" customFormat="1" ht="27" customHeight="1">
      <c r="A101" s="18">
        <v>2025</v>
      </c>
      <c r="B101" s="13">
        <v>626</v>
      </c>
      <c r="C101" s="10" t="s">
        <v>54</v>
      </c>
      <c r="D101" s="13" t="s">
        <v>127</v>
      </c>
      <c r="E101" s="13" t="s">
        <v>128</v>
      </c>
      <c r="F101" s="9" t="s">
        <v>129</v>
      </c>
      <c r="G101" s="13" t="s">
        <v>130</v>
      </c>
      <c r="H101" s="14" t="s">
        <v>131</v>
      </c>
      <c r="I101" s="13" t="s">
        <v>132</v>
      </c>
      <c r="J101" s="13" t="s">
        <v>133</v>
      </c>
      <c r="K101" s="13">
        <v>6</v>
      </c>
      <c r="L101" s="13">
        <v>0</v>
      </c>
      <c r="M101" s="13" t="s">
        <v>134</v>
      </c>
      <c r="N101" s="13" t="s">
        <v>135</v>
      </c>
      <c r="O101" s="13"/>
      <c r="P101" s="13" t="s">
        <v>136</v>
      </c>
      <c r="Q101" s="13" t="s">
        <v>89</v>
      </c>
      <c r="R101" s="13"/>
      <c r="S101" s="13"/>
      <c r="T101" s="13" t="s">
        <v>66</v>
      </c>
      <c r="U101" s="13" t="s">
        <v>66</v>
      </c>
      <c r="V101" s="13" t="s">
        <v>66</v>
      </c>
      <c r="W101" s="13" t="s">
        <v>67</v>
      </c>
      <c r="X101" s="13" t="s">
        <v>66</v>
      </c>
      <c r="Y101" s="13" t="s">
        <v>66</v>
      </c>
      <c r="Z101" s="13" t="s">
        <v>66</v>
      </c>
      <c r="AA101" s="13" t="s">
        <v>66</v>
      </c>
      <c r="AB101" s="13" t="s">
        <v>66</v>
      </c>
      <c r="AC101" s="13" t="s">
        <v>66</v>
      </c>
      <c r="AD101" s="13" t="s">
        <v>66</v>
      </c>
      <c r="AE101" s="13" t="s">
        <v>67</v>
      </c>
      <c r="AF101" s="13" t="s">
        <v>66</v>
      </c>
      <c r="AG101" s="13" t="s">
        <v>66</v>
      </c>
      <c r="AH101" s="13" t="s">
        <v>66</v>
      </c>
      <c r="AI101" s="13" t="s">
        <v>68</v>
      </c>
      <c r="AJ101" s="13" t="s">
        <v>68</v>
      </c>
      <c r="AK101" s="13" t="s">
        <v>66</v>
      </c>
      <c r="AL101" s="13" t="s">
        <v>68</v>
      </c>
      <c r="AM101" s="13" t="s">
        <v>66</v>
      </c>
      <c r="AN101" s="13" t="s">
        <v>68</v>
      </c>
      <c r="AO101" s="13" t="s">
        <v>66</v>
      </c>
      <c r="AP101" s="13" t="s">
        <v>68</v>
      </c>
      <c r="AQ101" s="13" t="s">
        <v>68</v>
      </c>
      <c r="AR101" s="13"/>
      <c r="AS101" s="13" t="s">
        <v>64</v>
      </c>
      <c r="AT101" s="13"/>
      <c r="AU101" s="11" t="s">
        <v>71</v>
      </c>
      <c r="AV101" s="14" t="s">
        <v>137</v>
      </c>
      <c r="AW101" s="13" t="s">
        <v>138</v>
      </c>
      <c r="AX101" s="13" t="s">
        <v>139</v>
      </c>
      <c r="AY101" s="13" t="s">
        <v>140</v>
      </c>
      <c r="AZ101" s="13" t="s">
        <v>141</v>
      </c>
      <c r="BA101" s="15"/>
    </row>
    <row r="102" spans="1:174" s="2" customFormat="1" ht="27" customHeight="1">
      <c r="A102" s="11">
        <v>2025</v>
      </c>
      <c r="B102" s="9">
        <v>111</v>
      </c>
      <c r="C102" s="10" t="s">
        <v>54</v>
      </c>
      <c r="D102" s="9" t="s">
        <v>127</v>
      </c>
      <c r="E102" s="9" t="s">
        <v>520</v>
      </c>
      <c r="F102" s="9" t="s">
        <v>521</v>
      </c>
      <c r="G102" s="9" t="s">
        <v>522</v>
      </c>
      <c r="H102" s="9" t="s">
        <v>523</v>
      </c>
      <c r="I102" s="9" t="s">
        <v>524</v>
      </c>
      <c r="J102" s="9">
        <v>0</v>
      </c>
      <c r="K102" s="9">
        <v>0</v>
      </c>
      <c r="L102" s="9">
        <v>0</v>
      </c>
      <c r="M102" s="9">
        <v>0</v>
      </c>
      <c r="N102" s="9" t="s">
        <v>525</v>
      </c>
      <c r="O102" s="9" t="s">
        <v>526</v>
      </c>
      <c r="P102" s="9" t="s">
        <v>222</v>
      </c>
      <c r="Q102" s="9" t="s">
        <v>209</v>
      </c>
      <c r="R102" s="9" t="s">
        <v>90</v>
      </c>
      <c r="S102" s="9" t="s">
        <v>527</v>
      </c>
      <c r="T102" s="13" t="s">
        <v>66</v>
      </c>
      <c r="U102" s="13" t="s">
        <v>66</v>
      </c>
      <c r="V102" s="9" t="s">
        <v>65</v>
      </c>
      <c r="W102" s="9" t="s">
        <v>67</v>
      </c>
      <c r="X102" s="9" t="s">
        <v>67</v>
      </c>
      <c r="Y102" s="9" t="s">
        <v>67</v>
      </c>
      <c r="Z102" s="9" t="s">
        <v>67</v>
      </c>
      <c r="AA102" s="9" t="s">
        <v>67</v>
      </c>
      <c r="AB102" s="9" t="s">
        <v>67</v>
      </c>
      <c r="AC102" s="9" t="s">
        <v>67</v>
      </c>
      <c r="AD102" s="9" t="s">
        <v>67</v>
      </c>
      <c r="AE102" s="9" t="s">
        <v>67</v>
      </c>
      <c r="AF102" s="9" t="s">
        <v>67</v>
      </c>
      <c r="AG102" s="9" t="s">
        <v>67</v>
      </c>
      <c r="AH102" s="9" t="s">
        <v>65</v>
      </c>
      <c r="AI102" s="9" t="s">
        <v>65</v>
      </c>
      <c r="AJ102" s="9" t="s">
        <v>65</v>
      </c>
      <c r="AK102" s="9" t="s">
        <v>65</v>
      </c>
      <c r="AL102" s="9" t="s">
        <v>65</v>
      </c>
      <c r="AM102" s="9" t="s">
        <v>65</v>
      </c>
      <c r="AN102" s="9" t="s">
        <v>67</v>
      </c>
      <c r="AO102" s="9" t="s">
        <v>65</v>
      </c>
      <c r="AP102" s="9" t="s">
        <v>65</v>
      </c>
      <c r="AQ102" s="9" t="s">
        <v>67</v>
      </c>
      <c r="AR102" s="9" t="s">
        <v>528</v>
      </c>
      <c r="AS102" s="9" t="s">
        <v>64</v>
      </c>
      <c r="AT102" s="9">
        <v>0</v>
      </c>
      <c r="AU102" s="9" t="s">
        <v>162</v>
      </c>
      <c r="AV102" s="9" t="s">
        <v>529</v>
      </c>
      <c r="AW102" s="9" t="s">
        <v>530</v>
      </c>
      <c r="AX102" s="9" t="s">
        <v>530</v>
      </c>
      <c r="AY102" s="9" t="s">
        <v>531</v>
      </c>
      <c r="AZ102" s="9" t="s">
        <v>531</v>
      </c>
    </row>
    <row r="103" spans="1:174" s="32" customFormat="1" ht="27" customHeight="1">
      <c r="A103" s="11">
        <v>2025</v>
      </c>
      <c r="B103" s="9">
        <v>680</v>
      </c>
      <c r="C103" s="10" t="s">
        <v>54</v>
      </c>
      <c r="D103" s="9" t="s">
        <v>127</v>
      </c>
      <c r="E103" s="9" t="s">
        <v>1764</v>
      </c>
      <c r="F103" s="9" t="s">
        <v>1765</v>
      </c>
      <c r="G103" s="9" t="s">
        <v>1766</v>
      </c>
      <c r="H103" s="9" t="s">
        <v>1767</v>
      </c>
      <c r="I103" s="9" t="s">
        <v>1768</v>
      </c>
      <c r="J103" s="9">
        <v>72</v>
      </c>
      <c r="K103" s="9">
        <v>5.5</v>
      </c>
      <c r="L103" s="9">
        <v>785</v>
      </c>
      <c r="M103" s="9">
        <v>0</v>
      </c>
      <c r="N103" s="9" t="s">
        <v>1769</v>
      </c>
      <c r="O103" s="9" t="s">
        <v>269</v>
      </c>
      <c r="P103" s="9" t="s">
        <v>1769</v>
      </c>
      <c r="Q103" s="9" t="s">
        <v>539</v>
      </c>
      <c r="R103" s="9" t="s">
        <v>64</v>
      </c>
      <c r="S103" s="9">
        <v>0</v>
      </c>
      <c r="T103" s="9" t="s">
        <v>65</v>
      </c>
      <c r="U103" s="9" t="s">
        <v>67</v>
      </c>
      <c r="V103" s="9" t="s">
        <v>65</v>
      </c>
      <c r="W103" s="9" t="s">
        <v>67</v>
      </c>
      <c r="X103" s="9" t="s">
        <v>65</v>
      </c>
      <c r="Y103" s="9" t="s">
        <v>67</v>
      </c>
      <c r="Z103" s="9" t="s">
        <v>67</v>
      </c>
      <c r="AA103" s="9" t="s">
        <v>65</v>
      </c>
      <c r="AB103" s="9" t="s">
        <v>65</v>
      </c>
      <c r="AC103" s="9" t="s">
        <v>65</v>
      </c>
      <c r="AD103" s="9" t="s">
        <v>67</v>
      </c>
      <c r="AE103" s="9" t="s">
        <v>67</v>
      </c>
      <c r="AF103" s="9" t="s">
        <v>67</v>
      </c>
      <c r="AG103" s="9" t="s">
        <v>67</v>
      </c>
      <c r="AH103" s="9" t="s">
        <v>65</v>
      </c>
      <c r="AI103" s="9" t="s">
        <v>67</v>
      </c>
      <c r="AJ103" s="9" t="s">
        <v>67</v>
      </c>
      <c r="AK103" s="9" t="s">
        <v>65</v>
      </c>
      <c r="AL103" s="9" t="s">
        <v>65</v>
      </c>
      <c r="AM103" s="9" t="s">
        <v>65</v>
      </c>
      <c r="AN103" s="9" t="s">
        <v>67</v>
      </c>
      <c r="AO103" s="9" t="s">
        <v>65</v>
      </c>
      <c r="AP103" s="9" t="s">
        <v>67</v>
      </c>
      <c r="AQ103" s="9" t="s">
        <v>67</v>
      </c>
      <c r="AR103" s="9" t="s">
        <v>1767</v>
      </c>
      <c r="AS103" s="9" t="s">
        <v>64</v>
      </c>
      <c r="AT103" s="9">
        <v>0</v>
      </c>
      <c r="AU103" s="9" t="s">
        <v>151</v>
      </c>
      <c r="AV103" s="9" t="s">
        <v>1770</v>
      </c>
      <c r="AW103" s="9" t="s">
        <v>1771</v>
      </c>
      <c r="AX103" s="9" t="s">
        <v>110</v>
      </c>
      <c r="AY103" s="9" t="s">
        <v>1772</v>
      </c>
      <c r="AZ103" s="9" t="s">
        <v>1773</v>
      </c>
      <c r="BA103" s="2"/>
      <c r="BB103" s="2"/>
      <c r="BC103" s="2"/>
      <c r="BD103" s="2"/>
      <c r="BE103" s="2"/>
      <c r="BF103" s="2"/>
      <c r="BG103" s="2"/>
      <c r="BH103" s="2"/>
      <c r="BI103" s="2"/>
      <c r="BJ103" s="2"/>
      <c r="BK103" s="2"/>
      <c r="BL103" s="2"/>
      <c r="BM103" s="2"/>
      <c r="BN103" s="2"/>
      <c r="BO103" s="2"/>
      <c r="BP103" s="2"/>
      <c r="BQ103" s="2"/>
      <c r="BR103" s="2"/>
      <c r="BS103" s="2"/>
      <c r="BT103" s="2"/>
      <c r="BU103" s="2"/>
      <c r="BV103" s="2"/>
      <c r="BW103" s="2"/>
      <c r="BX103" s="2"/>
      <c r="BY103" s="2"/>
      <c r="BZ103" s="2"/>
      <c r="CA103" s="2"/>
      <c r="CB103" s="2"/>
      <c r="CC103" s="2"/>
      <c r="CD103" s="2"/>
      <c r="CE103" s="2"/>
      <c r="CF103" s="2"/>
      <c r="CG103" s="2"/>
      <c r="CH103" s="2"/>
      <c r="CI103" s="2"/>
      <c r="CJ103" s="2"/>
      <c r="CK103" s="2"/>
      <c r="CL103" s="2"/>
      <c r="CM103" s="2"/>
      <c r="CN103" s="2"/>
      <c r="CO103" s="2"/>
      <c r="CP103" s="2"/>
      <c r="CQ103" s="2"/>
      <c r="CR103" s="2"/>
      <c r="CS103" s="2"/>
      <c r="CT103" s="2"/>
      <c r="CU103" s="2"/>
      <c r="CV103" s="2"/>
      <c r="CW103" s="2"/>
      <c r="CX103" s="2"/>
      <c r="CY103" s="2"/>
      <c r="CZ103" s="2"/>
      <c r="DA103" s="2"/>
      <c r="DB103" s="2"/>
      <c r="DC103" s="2"/>
      <c r="DD103" s="2"/>
      <c r="DE103" s="2"/>
      <c r="DF103" s="2"/>
      <c r="DG103" s="2"/>
      <c r="DH103" s="2"/>
      <c r="DI103" s="2"/>
      <c r="DJ103" s="2"/>
      <c r="DK103" s="2"/>
      <c r="DL103" s="2"/>
      <c r="DM103" s="2"/>
      <c r="DN103" s="2"/>
      <c r="DO103" s="2"/>
      <c r="DP103" s="2"/>
      <c r="DQ103" s="2"/>
      <c r="DR103" s="2"/>
      <c r="DS103" s="2"/>
      <c r="DT103" s="2"/>
      <c r="DU103" s="2"/>
      <c r="DV103" s="2"/>
      <c r="DW103" s="2"/>
      <c r="DX103" s="2"/>
      <c r="DY103" s="2"/>
      <c r="DZ103" s="2"/>
      <c r="EA103" s="2"/>
      <c r="EB103" s="2"/>
      <c r="EC103" s="2"/>
      <c r="ED103" s="2"/>
      <c r="EE103" s="2"/>
      <c r="EF103" s="2"/>
      <c r="EG103" s="2"/>
      <c r="EH103" s="2"/>
      <c r="EI103" s="2"/>
      <c r="EJ103" s="2"/>
      <c r="EK103" s="2"/>
      <c r="EL103" s="2"/>
      <c r="EM103" s="2"/>
      <c r="EN103" s="2"/>
      <c r="EO103" s="2"/>
      <c r="EP103" s="2"/>
      <c r="EQ103" s="2"/>
      <c r="ER103" s="2"/>
      <c r="ES103" s="2"/>
      <c r="ET103" s="2"/>
      <c r="EU103" s="2"/>
      <c r="EV103" s="2"/>
      <c r="EW103" s="2"/>
      <c r="EX103" s="2"/>
      <c r="EY103" s="2"/>
      <c r="EZ103" s="2"/>
      <c r="FA103" s="2"/>
      <c r="FB103" s="2"/>
      <c r="FC103" s="2"/>
      <c r="FD103" s="2"/>
      <c r="FE103" s="2"/>
      <c r="FF103" s="2"/>
      <c r="FG103" s="2"/>
      <c r="FH103" s="2"/>
      <c r="FI103" s="2"/>
      <c r="FJ103" s="2"/>
      <c r="FK103" s="2"/>
      <c r="FL103" s="2"/>
      <c r="FM103" s="2"/>
      <c r="FN103" s="2"/>
      <c r="FO103" s="2"/>
      <c r="FP103" s="2"/>
      <c r="FQ103" s="2"/>
      <c r="FR103" s="2"/>
    </row>
    <row r="104" spans="1:174" s="2" customFormat="1" ht="27" customHeight="1">
      <c r="A104" s="18">
        <v>2025</v>
      </c>
      <c r="B104" s="9">
        <v>112</v>
      </c>
      <c r="C104" s="10" t="s">
        <v>54</v>
      </c>
      <c r="D104" s="9" t="s">
        <v>290</v>
      </c>
      <c r="E104" s="9" t="s">
        <v>291</v>
      </c>
      <c r="F104" s="9" t="s">
        <v>292</v>
      </c>
      <c r="G104" s="9" t="s">
        <v>293</v>
      </c>
      <c r="H104" s="9" t="s">
        <v>294</v>
      </c>
      <c r="I104" s="2" t="s">
        <v>295</v>
      </c>
      <c r="J104" s="9">
        <v>0</v>
      </c>
      <c r="K104" s="9">
        <v>0</v>
      </c>
      <c r="L104" s="9">
        <v>0</v>
      </c>
      <c r="M104" s="9" t="s">
        <v>86</v>
      </c>
      <c r="N104" s="9" t="s">
        <v>296</v>
      </c>
      <c r="O104" s="9" t="s">
        <v>297</v>
      </c>
      <c r="P104" s="9" t="s">
        <v>298</v>
      </c>
      <c r="Q104" s="9" t="s">
        <v>121</v>
      </c>
      <c r="R104" s="9" t="s">
        <v>64</v>
      </c>
      <c r="S104" s="9" t="s">
        <v>299</v>
      </c>
      <c r="T104" s="9" t="s">
        <v>67</v>
      </c>
      <c r="U104" s="9" t="s">
        <v>66</v>
      </c>
      <c r="V104" s="9" t="s">
        <v>66</v>
      </c>
      <c r="W104" s="9" t="s">
        <v>67</v>
      </c>
      <c r="X104" s="9" t="s">
        <v>67</v>
      </c>
      <c r="Y104" s="9" t="s">
        <v>67</v>
      </c>
      <c r="Z104" s="9" t="s">
        <v>67</v>
      </c>
      <c r="AA104" s="9" t="s">
        <v>67</v>
      </c>
      <c r="AB104" s="9" t="s">
        <v>67</v>
      </c>
      <c r="AC104" s="9" t="s">
        <v>67</v>
      </c>
      <c r="AD104" s="9" t="s">
        <v>67</v>
      </c>
      <c r="AE104" s="9" t="s">
        <v>67</v>
      </c>
      <c r="AF104" s="9" t="s">
        <v>67</v>
      </c>
      <c r="AG104" s="9" t="s">
        <v>67</v>
      </c>
      <c r="AH104" s="9" t="s">
        <v>66</v>
      </c>
      <c r="AI104" s="9" t="s">
        <v>67</v>
      </c>
      <c r="AJ104" s="9" t="s">
        <v>66</v>
      </c>
      <c r="AK104" s="9" t="s">
        <v>66</v>
      </c>
      <c r="AL104" s="9" t="s">
        <v>66</v>
      </c>
      <c r="AM104" s="9" t="s">
        <v>66</v>
      </c>
      <c r="AN104" s="9" t="s">
        <v>67</v>
      </c>
      <c r="AO104" s="9" t="s">
        <v>66</v>
      </c>
      <c r="AP104" s="9" t="s">
        <v>66</v>
      </c>
      <c r="AQ104" s="9" t="s">
        <v>66</v>
      </c>
      <c r="AR104" s="9" t="s">
        <v>300</v>
      </c>
      <c r="AS104" s="9" t="s">
        <v>64</v>
      </c>
      <c r="AT104" s="9">
        <v>0</v>
      </c>
      <c r="AU104" s="9" t="s">
        <v>151</v>
      </c>
      <c r="AV104" s="9" t="s">
        <v>301</v>
      </c>
      <c r="AW104" s="9" t="s">
        <v>302</v>
      </c>
      <c r="AX104" s="9" t="s">
        <v>302</v>
      </c>
      <c r="AY104" s="9" t="s">
        <v>303</v>
      </c>
      <c r="AZ104" s="9" t="s">
        <v>303</v>
      </c>
    </row>
    <row r="105" spans="1:174" s="2" customFormat="1" ht="27" customHeight="1">
      <c r="A105" s="11">
        <v>2025</v>
      </c>
      <c r="B105" s="9">
        <v>597</v>
      </c>
      <c r="C105" s="10" t="s">
        <v>54</v>
      </c>
      <c r="D105" s="9" t="s">
        <v>1081</v>
      </c>
      <c r="E105" s="9" t="s">
        <v>1082</v>
      </c>
      <c r="F105" s="9" t="s">
        <v>1083</v>
      </c>
      <c r="G105" s="9" t="s">
        <v>1084</v>
      </c>
      <c r="H105" s="9" t="s">
        <v>1085</v>
      </c>
      <c r="I105" s="9" t="s">
        <v>1086</v>
      </c>
      <c r="J105" s="9">
        <v>71</v>
      </c>
      <c r="K105" s="9">
        <v>5.5</v>
      </c>
      <c r="L105" s="9">
        <v>160</v>
      </c>
      <c r="M105" s="9" t="s">
        <v>86</v>
      </c>
      <c r="N105" s="9" t="s">
        <v>67</v>
      </c>
      <c r="O105" s="9" t="s">
        <v>1087</v>
      </c>
      <c r="P105" s="9" t="s">
        <v>1088</v>
      </c>
      <c r="Q105" s="9" t="s">
        <v>89</v>
      </c>
      <c r="R105" s="9" t="s">
        <v>64</v>
      </c>
      <c r="S105" s="9">
        <v>0</v>
      </c>
      <c r="T105" s="9" t="s">
        <v>66</v>
      </c>
      <c r="U105" s="9" t="s">
        <v>66</v>
      </c>
      <c r="V105" s="9" t="s">
        <v>67</v>
      </c>
      <c r="W105" s="9" t="s">
        <v>67</v>
      </c>
      <c r="X105" s="9" t="s">
        <v>67</v>
      </c>
      <c r="Y105" s="9" t="s">
        <v>67</v>
      </c>
      <c r="Z105" s="9" t="s">
        <v>67</v>
      </c>
      <c r="AA105" s="9" t="s">
        <v>67</v>
      </c>
      <c r="AB105" s="9" t="s">
        <v>66</v>
      </c>
      <c r="AC105" s="9" t="s">
        <v>66</v>
      </c>
      <c r="AD105" s="9" t="s">
        <v>66</v>
      </c>
      <c r="AE105" s="9" t="s">
        <v>67</v>
      </c>
      <c r="AF105" s="9" t="s">
        <v>67</v>
      </c>
      <c r="AG105" s="9" t="s">
        <v>67</v>
      </c>
      <c r="AH105" s="9" t="s">
        <v>67</v>
      </c>
      <c r="AI105" s="9" t="s">
        <v>67</v>
      </c>
      <c r="AJ105" s="9" t="s">
        <v>67</v>
      </c>
      <c r="AK105" s="9" t="s">
        <v>67</v>
      </c>
      <c r="AL105" s="9" t="s">
        <v>67</v>
      </c>
      <c r="AM105" s="9" t="s">
        <v>67</v>
      </c>
      <c r="AN105" s="9" t="s">
        <v>67</v>
      </c>
      <c r="AO105" s="9" t="s">
        <v>67</v>
      </c>
      <c r="AP105" s="9" t="s">
        <v>67</v>
      </c>
      <c r="AQ105" s="9" t="s">
        <v>67</v>
      </c>
      <c r="AR105" s="9" t="s">
        <v>1089</v>
      </c>
      <c r="AS105" s="9" t="s">
        <v>64</v>
      </c>
      <c r="AT105" s="9">
        <v>0</v>
      </c>
      <c r="AU105" s="9" t="s">
        <v>162</v>
      </c>
      <c r="AV105" s="9" t="s">
        <v>1090</v>
      </c>
      <c r="AW105" s="9" t="s">
        <v>1091</v>
      </c>
      <c r="AX105" s="9" t="s">
        <v>1092</v>
      </c>
      <c r="AY105" s="9" t="s">
        <v>1093</v>
      </c>
      <c r="AZ105" s="9" t="s">
        <v>1094</v>
      </c>
    </row>
    <row r="106" spans="1:174" s="42" customFormat="1" ht="27" customHeight="1">
      <c r="A106" s="11">
        <v>2025</v>
      </c>
      <c r="B106" s="9">
        <v>699</v>
      </c>
      <c r="C106" s="10" t="s">
        <v>54</v>
      </c>
      <c r="D106" s="9" t="s">
        <v>1081</v>
      </c>
      <c r="E106" s="9" t="s">
        <v>1433</v>
      </c>
      <c r="F106" s="9" t="s">
        <v>1434</v>
      </c>
      <c r="G106" s="9" t="s">
        <v>1435</v>
      </c>
      <c r="H106" s="9" t="s">
        <v>1436</v>
      </c>
      <c r="I106" s="9" t="s">
        <v>1437</v>
      </c>
      <c r="J106" s="9">
        <v>0</v>
      </c>
      <c r="K106" s="9">
        <v>0</v>
      </c>
      <c r="L106" s="9">
        <v>0</v>
      </c>
      <c r="M106" s="9">
        <v>0</v>
      </c>
      <c r="N106" s="9" t="s">
        <v>1438</v>
      </c>
      <c r="O106" s="9" t="s">
        <v>1439</v>
      </c>
      <c r="P106" s="9" t="s">
        <v>222</v>
      </c>
      <c r="Q106" s="9" t="s">
        <v>209</v>
      </c>
      <c r="R106" s="9" t="s">
        <v>64</v>
      </c>
      <c r="S106" s="9" t="s">
        <v>1440</v>
      </c>
      <c r="T106" s="9" t="s">
        <v>65</v>
      </c>
      <c r="U106" s="9" t="s">
        <v>65</v>
      </c>
      <c r="V106" s="9" t="s">
        <v>67</v>
      </c>
      <c r="W106" s="9" t="s">
        <v>67</v>
      </c>
      <c r="X106" s="9" t="s">
        <v>65</v>
      </c>
      <c r="Y106" s="9" t="s">
        <v>67</v>
      </c>
      <c r="Z106" s="9" t="s">
        <v>65</v>
      </c>
      <c r="AA106" s="9" t="s">
        <v>65</v>
      </c>
      <c r="AB106" s="9" t="s">
        <v>65</v>
      </c>
      <c r="AC106" s="9" t="s">
        <v>65</v>
      </c>
      <c r="AD106" s="9" t="s">
        <v>65</v>
      </c>
      <c r="AE106" s="9" t="s">
        <v>65</v>
      </c>
      <c r="AF106" s="9" t="s">
        <v>65</v>
      </c>
      <c r="AG106" s="9" t="s">
        <v>67</v>
      </c>
      <c r="AH106" s="9" t="s">
        <v>67</v>
      </c>
      <c r="AI106" s="9" t="s">
        <v>67</v>
      </c>
      <c r="AJ106" s="9" t="s">
        <v>67</v>
      </c>
      <c r="AK106" s="9" t="s">
        <v>67</v>
      </c>
      <c r="AL106" s="9" t="s">
        <v>67</v>
      </c>
      <c r="AM106" s="9" t="s">
        <v>67</v>
      </c>
      <c r="AN106" s="9" t="s">
        <v>67</v>
      </c>
      <c r="AO106" s="9" t="s">
        <v>67</v>
      </c>
      <c r="AP106" s="9" t="s">
        <v>67</v>
      </c>
      <c r="AQ106" s="9" t="s">
        <v>67</v>
      </c>
      <c r="AR106" s="9" t="s">
        <v>1441</v>
      </c>
      <c r="AS106" s="9" t="s">
        <v>64</v>
      </c>
      <c r="AT106" s="9">
        <v>0</v>
      </c>
      <c r="AU106" s="9" t="s">
        <v>151</v>
      </c>
      <c r="AV106" s="9" t="s">
        <v>1442</v>
      </c>
      <c r="AW106" s="9" t="s">
        <v>1443</v>
      </c>
      <c r="AX106" s="9" t="s">
        <v>1444</v>
      </c>
      <c r="AY106" s="9" t="s">
        <v>1445</v>
      </c>
      <c r="AZ106" s="9" t="s">
        <v>1446</v>
      </c>
      <c r="BA106" s="2"/>
      <c r="BB106" s="2"/>
      <c r="BC106" s="2"/>
      <c r="BD106" s="2"/>
      <c r="BE106" s="2"/>
      <c r="BF106" s="2"/>
      <c r="BG106" s="2"/>
      <c r="BH106" s="2"/>
      <c r="BI106" s="2"/>
      <c r="BJ106" s="2"/>
      <c r="BK106" s="2"/>
      <c r="BL106" s="2"/>
      <c r="BM106" s="2"/>
      <c r="BN106" s="2"/>
      <c r="BO106" s="2"/>
      <c r="BP106" s="2"/>
      <c r="BQ106" s="2"/>
      <c r="BR106" s="2"/>
      <c r="BS106" s="2"/>
      <c r="BT106" s="2"/>
      <c r="BU106" s="2"/>
      <c r="BV106" s="2"/>
      <c r="BW106" s="2"/>
      <c r="BX106" s="2"/>
      <c r="BY106" s="2"/>
      <c r="BZ106" s="2"/>
      <c r="CA106" s="2"/>
      <c r="CB106" s="2"/>
      <c r="CC106" s="2"/>
      <c r="CD106" s="2"/>
      <c r="CE106" s="2"/>
      <c r="CF106" s="2"/>
      <c r="CG106" s="2"/>
      <c r="CH106" s="2"/>
      <c r="CI106" s="2"/>
      <c r="CJ106" s="2"/>
      <c r="CK106" s="2"/>
      <c r="CL106" s="2"/>
      <c r="CM106" s="2"/>
      <c r="CN106" s="2"/>
      <c r="CO106" s="2"/>
      <c r="CP106" s="2"/>
      <c r="CQ106" s="2"/>
      <c r="CR106" s="2"/>
      <c r="CS106" s="2"/>
      <c r="CT106" s="2"/>
      <c r="CU106" s="2"/>
      <c r="CV106" s="2"/>
      <c r="CW106" s="2"/>
      <c r="CX106" s="2"/>
      <c r="CY106" s="2"/>
      <c r="CZ106" s="2"/>
      <c r="DA106" s="2"/>
      <c r="DB106" s="2"/>
      <c r="DC106" s="2"/>
      <c r="DD106" s="2"/>
      <c r="DE106" s="2"/>
      <c r="DF106" s="2"/>
      <c r="DG106" s="2"/>
      <c r="DH106" s="2"/>
      <c r="DI106" s="2"/>
      <c r="DJ106" s="2"/>
      <c r="DK106" s="2"/>
      <c r="DL106" s="2"/>
      <c r="DM106" s="2"/>
      <c r="DN106" s="2"/>
      <c r="DO106" s="2"/>
      <c r="DP106" s="2"/>
      <c r="DQ106" s="2"/>
      <c r="DR106" s="2"/>
      <c r="DS106" s="2"/>
      <c r="DT106" s="2"/>
      <c r="DU106" s="2"/>
      <c r="DV106" s="2"/>
      <c r="DW106" s="2"/>
      <c r="DX106" s="2"/>
      <c r="DY106" s="2"/>
      <c r="DZ106" s="2"/>
      <c r="EA106" s="2"/>
      <c r="EB106" s="2"/>
      <c r="EC106" s="2"/>
      <c r="ED106" s="2"/>
      <c r="EE106" s="2"/>
      <c r="EF106" s="2"/>
      <c r="EG106" s="2"/>
      <c r="EH106" s="2"/>
      <c r="EI106" s="2"/>
      <c r="EJ106" s="2"/>
      <c r="EK106" s="2"/>
      <c r="EL106" s="2"/>
      <c r="EM106" s="2"/>
      <c r="EN106" s="2"/>
      <c r="EO106" s="2"/>
      <c r="EP106" s="2"/>
      <c r="EQ106" s="2"/>
      <c r="ER106" s="2"/>
      <c r="ES106" s="2"/>
      <c r="ET106" s="2"/>
      <c r="EU106" s="2"/>
      <c r="EV106" s="2"/>
      <c r="EW106" s="2"/>
      <c r="EX106" s="2"/>
      <c r="EY106" s="2"/>
      <c r="EZ106" s="2"/>
      <c r="FA106" s="2"/>
      <c r="FB106" s="2"/>
      <c r="FC106" s="2"/>
      <c r="FD106" s="2"/>
      <c r="FE106" s="2"/>
      <c r="FF106" s="2"/>
      <c r="FG106" s="2"/>
      <c r="FH106" s="2"/>
      <c r="FI106" s="2"/>
      <c r="FJ106" s="2"/>
      <c r="FK106" s="2"/>
      <c r="FL106" s="2"/>
      <c r="FM106" s="2"/>
      <c r="FN106" s="2"/>
      <c r="FO106" s="2"/>
      <c r="FP106" s="2"/>
      <c r="FQ106" s="2"/>
      <c r="FR106" s="2"/>
    </row>
    <row r="107" spans="1:174" s="36" customFormat="1" ht="27" customHeight="1">
      <c r="A107" s="11">
        <v>2025</v>
      </c>
      <c r="B107" s="9">
        <v>397</v>
      </c>
      <c r="C107" s="10" t="s">
        <v>54</v>
      </c>
      <c r="D107" s="9" t="s">
        <v>262</v>
      </c>
      <c r="E107" s="9" t="s">
        <v>263</v>
      </c>
      <c r="F107" s="9" t="s">
        <v>264</v>
      </c>
      <c r="G107" s="9" t="s">
        <v>265</v>
      </c>
      <c r="H107" s="9" t="s">
        <v>266</v>
      </c>
      <c r="I107" s="9" t="s">
        <v>267</v>
      </c>
      <c r="J107" s="9" t="s">
        <v>268</v>
      </c>
      <c r="K107" s="9" t="s">
        <v>268</v>
      </c>
      <c r="L107" s="9">
        <v>0</v>
      </c>
      <c r="M107" s="9"/>
      <c r="N107" s="9" t="s">
        <v>62</v>
      </c>
      <c r="O107" s="9"/>
      <c r="P107" s="9" t="s">
        <v>269</v>
      </c>
      <c r="Q107" s="9" t="s">
        <v>89</v>
      </c>
      <c r="R107" s="9" t="s">
        <v>64</v>
      </c>
      <c r="S107" s="9" t="s">
        <v>270</v>
      </c>
      <c r="T107" s="9" t="s">
        <v>66</v>
      </c>
      <c r="U107" s="9" t="s">
        <v>66</v>
      </c>
      <c r="V107" s="9" t="s">
        <v>66</v>
      </c>
      <c r="W107" s="9"/>
      <c r="X107" s="9" t="s">
        <v>66</v>
      </c>
      <c r="Y107" s="9" t="s">
        <v>66</v>
      </c>
      <c r="Z107" s="9" t="s">
        <v>66</v>
      </c>
      <c r="AA107" s="9" t="s">
        <v>66</v>
      </c>
      <c r="AB107" s="9" t="s">
        <v>66</v>
      </c>
      <c r="AC107" s="9" t="s">
        <v>66</v>
      </c>
      <c r="AD107" s="9" t="s">
        <v>68</v>
      </c>
      <c r="AE107" s="9" t="s">
        <v>66</v>
      </c>
      <c r="AF107" s="9" t="s">
        <v>68</v>
      </c>
      <c r="AG107" s="9" t="s">
        <v>66</v>
      </c>
      <c r="AH107" s="9" t="s">
        <v>66</v>
      </c>
      <c r="AI107" s="9" t="s">
        <v>66</v>
      </c>
      <c r="AJ107" s="9" t="s">
        <v>66</v>
      </c>
      <c r="AK107" s="9" t="s">
        <v>66</v>
      </c>
      <c r="AL107" s="9" t="s">
        <v>66</v>
      </c>
      <c r="AM107" s="9" t="s">
        <v>66</v>
      </c>
      <c r="AN107" s="9" t="s">
        <v>68</v>
      </c>
      <c r="AO107" s="9" t="s">
        <v>66</v>
      </c>
      <c r="AP107" s="9" t="s">
        <v>68</v>
      </c>
      <c r="AQ107" s="9" t="s">
        <v>66</v>
      </c>
      <c r="AR107" s="9" t="s">
        <v>271</v>
      </c>
      <c r="AS107" s="9" t="s">
        <v>64</v>
      </c>
      <c r="AT107" s="9" t="s">
        <v>272</v>
      </c>
      <c r="AU107" s="9" t="s">
        <v>273</v>
      </c>
      <c r="AV107" s="9" t="s">
        <v>274</v>
      </c>
      <c r="AW107" s="9" t="s">
        <v>275</v>
      </c>
      <c r="AX107" s="9" t="s">
        <v>276</v>
      </c>
      <c r="AY107" s="9" t="s">
        <v>277</v>
      </c>
      <c r="AZ107" s="9" t="s">
        <v>278</v>
      </c>
      <c r="BA107" s="2"/>
      <c r="BB107" s="2"/>
      <c r="BC107" s="2"/>
      <c r="BD107" s="2"/>
      <c r="BE107" s="2"/>
      <c r="BF107" s="2"/>
      <c r="BG107" s="2"/>
      <c r="BH107" s="2"/>
      <c r="BI107" s="2"/>
      <c r="BJ107" s="2"/>
      <c r="BK107" s="2"/>
      <c r="BL107" s="2"/>
      <c r="BM107" s="2"/>
      <c r="BN107" s="2"/>
      <c r="BO107" s="2"/>
      <c r="BP107" s="2"/>
      <c r="BQ107" s="2"/>
      <c r="BR107" s="2"/>
      <c r="BS107" s="2"/>
      <c r="BT107" s="2"/>
      <c r="BU107" s="2"/>
      <c r="BV107" s="2"/>
      <c r="BW107" s="2"/>
      <c r="BX107" s="2"/>
      <c r="BY107" s="2"/>
      <c r="BZ107" s="2"/>
      <c r="CA107" s="2"/>
      <c r="CB107" s="2"/>
      <c r="CC107" s="2"/>
      <c r="CD107" s="2"/>
      <c r="CE107" s="2"/>
      <c r="CF107" s="2"/>
      <c r="CG107" s="2"/>
      <c r="CH107" s="2"/>
      <c r="CI107" s="2"/>
      <c r="CJ107" s="2"/>
      <c r="CK107" s="2"/>
      <c r="CL107" s="2"/>
      <c r="CM107" s="2"/>
      <c r="CN107" s="2"/>
      <c r="CO107" s="2"/>
      <c r="CP107" s="2"/>
      <c r="CQ107" s="2"/>
      <c r="CR107" s="2"/>
      <c r="CS107" s="2"/>
      <c r="CT107" s="2"/>
      <c r="CU107" s="2"/>
      <c r="CV107" s="2"/>
      <c r="CW107" s="2"/>
      <c r="CX107" s="2"/>
      <c r="CY107" s="2"/>
      <c r="CZ107" s="2"/>
      <c r="DA107" s="2"/>
      <c r="DB107" s="2"/>
      <c r="DC107" s="2"/>
      <c r="DD107" s="2"/>
      <c r="DE107" s="2"/>
      <c r="DF107" s="2"/>
      <c r="DG107" s="2"/>
      <c r="DH107" s="2"/>
      <c r="DI107" s="2"/>
      <c r="DJ107" s="2"/>
      <c r="DK107" s="2"/>
      <c r="DL107" s="2"/>
      <c r="DM107" s="2"/>
      <c r="DN107" s="2"/>
      <c r="DO107" s="2"/>
      <c r="DP107" s="2"/>
      <c r="DQ107" s="2"/>
      <c r="DR107" s="2"/>
      <c r="DS107" s="2"/>
      <c r="DT107" s="2"/>
      <c r="DU107" s="2"/>
      <c r="DV107" s="2"/>
      <c r="DW107" s="2"/>
      <c r="DX107" s="2"/>
      <c r="DY107" s="2"/>
      <c r="DZ107" s="2"/>
      <c r="EA107" s="2"/>
      <c r="EB107" s="2"/>
      <c r="EC107" s="2"/>
      <c r="ED107" s="2"/>
      <c r="EE107" s="2"/>
      <c r="EF107" s="2"/>
      <c r="EG107" s="2"/>
      <c r="EH107" s="2"/>
      <c r="EI107" s="2"/>
      <c r="EJ107" s="2"/>
      <c r="EK107" s="2"/>
      <c r="EL107" s="2"/>
      <c r="EM107" s="2"/>
      <c r="EN107" s="2"/>
      <c r="EO107" s="2"/>
      <c r="EP107" s="2"/>
      <c r="EQ107" s="2"/>
      <c r="ER107" s="2"/>
      <c r="ES107" s="2"/>
      <c r="ET107" s="2"/>
      <c r="EU107" s="2"/>
      <c r="EV107" s="2"/>
      <c r="EW107" s="2"/>
      <c r="EX107" s="2"/>
      <c r="EY107" s="2"/>
      <c r="EZ107" s="2"/>
      <c r="FA107" s="2"/>
      <c r="FB107" s="2"/>
      <c r="FC107" s="2"/>
      <c r="FD107" s="2"/>
      <c r="FE107" s="2"/>
      <c r="FF107" s="2"/>
      <c r="FG107" s="2"/>
      <c r="FH107" s="2"/>
      <c r="FI107" s="2"/>
      <c r="FJ107" s="2"/>
      <c r="FK107" s="2"/>
      <c r="FL107" s="2"/>
      <c r="FM107" s="2"/>
      <c r="FN107" s="2"/>
      <c r="FO107" s="2"/>
      <c r="FP107" s="2"/>
      <c r="FQ107" s="2"/>
      <c r="FR107" s="2"/>
    </row>
    <row r="108" spans="1:174" s="36" customFormat="1" ht="27" customHeight="1">
      <c r="A108" s="11">
        <v>2025</v>
      </c>
      <c r="B108" s="9">
        <v>685</v>
      </c>
      <c r="C108" s="10" t="s">
        <v>54</v>
      </c>
      <c r="D108" s="9" t="s">
        <v>262</v>
      </c>
      <c r="E108" s="9" t="s">
        <v>858</v>
      </c>
      <c r="F108" s="9" t="s">
        <v>1939</v>
      </c>
      <c r="G108" s="9" t="s">
        <v>1940</v>
      </c>
      <c r="H108" s="9" t="s">
        <v>859</v>
      </c>
      <c r="I108" s="9" t="s">
        <v>860</v>
      </c>
      <c r="J108" s="9" t="s">
        <v>1943</v>
      </c>
      <c r="K108" s="9">
        <v>0</v>
      </c>
      <c r="L108" s="9">
        <v>0</v>
      </c>
      <c r="M108" s="9" t="s">
        <v>1941</v>
      </c>
      <c r="N108" s="9" t="s">
        <v>1944</v>
      </c>
      <c r="O108" s="9" t="s">
        <v>322</v>
      </c>
      <c r="P108" s="9" t="s">
        <v>322</v>
      </c>
      <c r="Q108" s="9" t="s">
        <v>1938</v>
      </c>
      <c r="R108" s="9" t="s">
        <v>64</v>
      </c>
      <c r="S108" s="9">
        <v>0</v>
      </c>
      <c r="T108" s="9" t="s">
        <v>65</v>
      </c>
      <c r="U108" s="9" t="s">
        <v>65</v>
      </c>
      <c r="V108" s="9" t="s">
        <v>67</v>
      </c>
      <c r="W108" s="9" t="s">
        <v>67</v>
      </c>
      <c r="X108" s="9" t="s">
        <v>67</v>
      </c>
      <c r="Y108" s="9" t="s">
        <v>67</v>
      </c>
      <c r="Z108" s="9" t="s">
        <v>67</v>
      </c>
      <c r="AA108" s="9" t="s">
        <v>67</v>
      </c>
      <c r="AB108" s="9" t="s">
        <v>67</v>
      </c>
      <c r="AC108" s="9" t="s">
        <v>65</v>
      </c>
      <c r="AD108" s="9" t="s">
        <v>65</v>
      </c>
      <c r="AE108" s="9" t="s">
        <v>67</v>
      </c>
      <c r="AF108" s="9" t="s">
        <v>67</v>
      </c>
      <c r="AG108" s="9" t="s">
        <v>67</v>
      </c>
      <c r="AH108" s="9" t="s">
        <v>67</v>
      </c>
      <c r="AI108" s="9" t="s">
        <v>67</v>
      </c>
      <c r="AJ108" s="9" t="s">
        <v>67</v>
      </c>
      <c r="AK108" s="9" t="s">
        <v>67</v>
      </c>
      <c r="AL108" s="9" t="s">
        <v>67</v>
      </c>
      <c r="AM108" s="9" t="s">
        <v>67</v>
      </c>
      <c r="AN108" s="9" t="s">
        <v>67</v>
      </c>
      <c r="AO108" s="9" t="s">
        <v>67</v>
      </c>
      <c r="AP108" s="9" t="s">
        <v>67</v>
      </c>
      <c r="AQ108" s="9" t="s">
        <v>67</v>
      </c>
      <c r="AR108" s="9" t="s">
        <v>859</v>
      </c>
      <c r="AS108" s="9" t="s">
        <v>64</v>
      </c>
      <c r="AT108" s="9" t="s">
        <v>322</v>
      </c>
      <c r="AU108" s="9" t="s">
        <v>151</v>
      </c>
      <c r="AV108" s="9" t="s">
        <v>861</v>
      </c>
      <c r="AW108" s="9" t="s">
        <v>862</v>
      </c>
      <c r="AX108" s="9" t="s">
        <v>863</v>
      </c>
      <c r="AY108" s="9" t="s">
        <v>771</v>
      </c>
      <c r="AZ108" s="9" t="s">
        <v>864</v>
      </c>
      <c r="BA108" s="2"/>
      <c r="BB108" s="2"/>
      <c r="BC108" s="2"/>
      <c r="BD108" s="2"/>
      <c r="BE108" s="2"/>
      <c r="BF108" s="2"/>
      <c r="BG108" s="2"/>
      <c r="BH108" s="2"/>
      <c r="BI108" s="2"/>
      <c r="BJ108" s="2"/>
      <c r="BK108" s="2"/>
      <c r="BL108" s="2"/>
      <c r="BM108" s="2"/>
      <c r="BN108" s="2"/>
      <c r="BO108" s="2"/>
      <c r="BP108" s="2"/>
      <c r="BQ108" s="2"/>
      <c r="BR108" s="2"/>
      <c r="BS108" s="2"/>
      <c r="BT108" s="2"/>
      <c r="BU108" s="2"/>
      <c r="BV108" s="2"/>
      <c r="BW108" s="2"/>
      <c r="BX108" s="2"/>
      <c r="BY108" s="2"/>
      <c r="BZ108" s="2"/>
      <c r="CA108" s="2"/>
      <c r="CB108" s="2"/>
      <c r="CC108" s="2"/>
      <c r="CD108" s="2"/>
      <c r="CE108" s="2"/>
      <c r="CF108" s="2"/>
      <c r="CG108" s="2"/>
      <c r="CH108" s="2"/>
      <c r="CI108" s="2"/>
      <c r="CJ108" s="2"/>
      <c r="CK108" s="2"/>
      <c r="CL108" s="2"/>
      <c r="CM108" s="2"/>
      <c r="CN108" s="2"/>
      <c r="CO108" s="2"/>
      <c r="CP108" s="2"/>
      <c r="CQ108" s="2"/>
      <c r="CR108" s="2"/>
      <c r="CS108" s="2"/>
      <c r="CT108" s="2"/>
      <c r="CU108" s="2"/>
      <c r="CV108" s="2"/>
      <c r="CW108" s="2"/>
      <c r="CX108" s="2"/>
      <c r="CY108" s="2"/>
      <c r="CZ108" s="2"/>
      <c r="DA108" s="2"/>
      <c r="DB108" s="2"/>
      <c r="DC108" s="2"/>
      <c r="DD108" s="2"/>
      <c r="DE108" s="2"/>
      <c r="DF108" s="2"/>
      <c r="DG108" s="2"/>
      <c r="DH108" s="2"/>
      <c r="DI108" s="2"/>
      <c r="DJ108" s="2"/>
      <c r="DK108" s="2"/>
      <c r="DL108" s="2"/>
      <c r="DM108" s="2"/>
      <c r="DN108" s="2"/>
      <c r="DO108" s="2"/>
      <c r="DP108" s="2"/>
      <c r="DQ108" s="2"/>
      <c r="DR108" s="2"/>
      <c r="DS108" s="2"/>
      <c r="DT108" s="2"/>
      <c r="DU108" s="2"/>
      <c r="DV108" s="2"/>
      <c r="DW108" s="2"/>
      <c r="DX108" s="2"/>
      <c r="DY108" s="2"/>
      <c r="DZ108" s="2"/>
      <c r="EA108" s="2"/>
      <c r="EB108" s="2"/>
      <c r="EC108" s="2"/>
      <c r="ED108" s="2"/>
      <c r="EE108" s="2"/>
      <c r="EF108" s="2"/>
      <c r="EG108" s="2"/>
      <c r="EH108" s="2"/>
      <c r="EI108" s="2"/>
      <c r="EJ108" s="2"/>
      <c r="EK108" s="2"/>
      <c r="EL108" s="2"/>
      <c r="EM108" s="2"/>
      <c r="EN108" s="2"/>
      <c r="EO108" s="2"/>
      <c r="EP108" s="2"/>
      <c r="EQ108" s="2"/>
      <c r="ER108" s="2"/>
      <c r="ES108" s="2"/>
      <c r="ET108" s="2"/>
      <c r="EU108" s="2"/>
      <c r="EV108" s="2"/>
      <c r="EW108" s="2"/>
      <c r="EX108" s="2"/>
      <c r="EY108" s="2"/>
      <c r="EZ108" s="2"/>
      <c r="FA108" s="2"/>
      <c r="FB108" s="2"/>
      <c r="FC108" s="2"/>
      <c r="FD108" s="2"/>
      <c r="FE108" s="2"/>
      <c r="FF108" s="2"/>
      <c r="FG108" s="2"/>
      <c r="FH108" s="2"/>
      <c r="FI108" s="2"/>
      <c r="FJ108" s="2"/>
      <c r="FK108" s="2"/>
      <c r="FL108" s="2"/>
      <c r="FM108" s="2"/>
      <c r="FN108" s="2"/>
      <c r="FO108" s="2"/>
      <c r="FP108" s="2"/>
      <c r="FQ108" s="2"/>
      <c r="FR108" s="2"/>
    </row>
    <row r="109" spans="1:174" s="12" customFormat="1" ht="27" customHeight="1">
      <c r="A109" s="11">
        <v>2025</v>
      </c>
      <c r="B109" s="11">
        <v>192</v>
      </c>
      <c r="C109" s="10" t="s">
        <v>54</v>
      </c>
      <c r="D109" s="11" t="s">
        <v>77</v>
      </c>
      <c r="E109" s="11" t="s">
        <v>78</v>
      </c>
      <c r="F109" s="11" t="s">
        <v>79</v>
      </c>
      <c r="G109" s="11" t="s">
        <v>80</v>
      </c>
      <c r="H109" s="11" t="s">
        <v>81</v>
      </c>
      <c r="I109" s="11" t="s">
        <v>82</v>
      </c>
      <c r="J109" s="11" t="s">
        <v>83</v>
      </c>
      <c r="K109" s="11" t="s">
        <v>84</v>
      </c>
      <c r="L109" s="11" t="s">
        <v>85</v>
      </c>
      <c r="M109" s="11" t="s">
        <v>86</v>
      </c>
      <c r="N109" s="11" t="s">
        <v>87</v>
      </c>
      <c r="O109" s="11" t="s">
        <v>88</v>
      </c>
      <c r="P109" s="11" t="s">
        <v>62</v>
      </c>
      <c r="Q109" s="11" t="s">
        <v>89</v>
      </c>
      <c r="R109" s="11" t="s">
        <v>90</v>
      </c>
      <c r="S109" s="11" t="s">
        <v>91</v>
      </c>
      <c r="T109" s="11" t="s">
        <v>67</v>
      </c>
      <c r="U109" s="11" t="s">
        <v>67</v>
      </c>
      <c r="V109" s="11" t="s">
        <v>66</v>
      </c>
      <c r="W109" s="11" t="s">
        <v>67</v>
      </c>
      <c r="X109" s="11"/>
      <c r="Y109" s="11" t="s">
        <v>68</v>
      </c>
      <c r="Z109" s="11"/>
      <c r="AA109" s="11"/>
      <c r="AB109" s="11"/>
      <c r="AC109" s="11"/>
      <c r="AD109" s="11" t="s">
        <v>68</v>
      </c>
      <c r="AE109" s="11" t="s">
        <v>68</v>
      </c>
      <c r="AF109" s="11" t="s">
        <v>68</v>
      </c>
      <c r="AG109" s="11" t="s">
        <v>68</v>
      </c>
      <c r="AH109" s="11" t="s">
        <v>67</v>
      </c>
      <c r="AI109" s="11" t="s">
        <v>66</v>
      </c>
      <c r="AJ109" s="11" t="s">
        <v>66</v>
      </c>
      <c r="AK109" s="11"/>
      <c r="AL109" s="11" t="s">
        <v>67</v>
      </c>
      <c r="AM109" s="11" t="s">
        <v>66</v>
      </c>
      <c r="AN109" s="11" t="s">
        <v>66</v>
      </c>
      <c r="AO109" s="11" t="s">
        <v>66</v>
      </c>
      <c r="AP109" s="11" t="s">
        <v>66</v>
      </c>
      <c r="AQ109" s="11" t="s">
        <v>66</v>
      </c>
      <c r="AR109" s="11" t="s">
        <v>92</v>
      </c>
      <c r="AS109" s="11" t="s">
        <v>64</v>
      </c>
      <c r="AT109" s="11" t="s">
        <v>93</v>
      </c>
      <c r="AU109" s="11" t="s">
        <v>71</v>
      </c>
      <c r="AV109" s="11" t="s">
        <v>94</v>
      </c>
      <c r="AW109" s="11" t="s">
        <v>95</v>
      </c>
      <c r="AX109" s="61">
        <v>42309</v>
      </c>
      <c r="AY109" s="61">
        <v>42095</v>
      </c>
      <c r="AZ109" s="11" t="s">
        <v>96</v>
      </c>
    </row>
    <row r="110" spans="1:174" s="2" customFormat="1" ht="27" customHeight="1">
      <c r="A110" s="11">
        <v>2025</v>
      </c>
      <c r="B110" s="9">
        <v>633</v>
      </c>
      <c r="C110" s="10" t="s">
        <v>54</v>
      </c>
      <c r="D110" s="9" t="s">
        <v>77</v>
      </c>
      <c r="E110" s="9" t="s">
        <v>114</v>
      </c>
      <c r="F110" s="9" t="s">
        <v>115</v>
      </c>
      <c r="G110" s="9" t="s">
        <v>116</v>
      </c>
      <c r="H110" s="9" t="s">
        <v>117</v>
      </c>
      <c r="I110" s="9" t="s">
        <v>118</v>
      </c>
      <c r="J110" s="9">
        <v>0</v>
      </c>
      <c r="K110" s="9">
        <v>0</v>
      </c>
      <c r="L110" s="9">
        <v>0</v>
      </c>
      <c r="M110" s="9" t="s">
        <v>86</v>
      </c>
      <c r="N110" s="9" t="s">
        <v>119</v>
      </c>
      <c r="O110" s="9" t="s">
        <v>120</v>
      </c>
      <c r="P110" s="9" t="s">
        <v>62</v>
      </c>
      <c r="Q110" s="9" t="s">
        <v>121</v>
      </c>
      <c r="R110" s="9" t="s">
        <v>64</v>
      </c>
      <c r="S110" s="9">
        <v>0</v>
      </c>
      <c r="T110" s="9" t="s">
        <v>66</v>
      </c>
      <c r="U110" s="9" t="s">
        <v>66</v>
      </c>
      <c r="V110" s="9" t="s">
        <v>66</v>
      </c>
      <c r="W110" s="9" t="s">
        <v>67</v>
      </c>
      <c r="X110" s="9"/>
      <c r="Y110" s="9" t="s">
        <v>66</v>
      </c>
      <c r="Z110" s="9" t="s">
        <v>68</v>
      </c>
      <c r="AA110" s="9"/>
      <c r="AB110" s="9" t="s">
        <v>67</v>
      </c>
      <c r="AC110" s="9" t="s">
        <v>66</v>
      </c>
      <c r="AD110" s="9" t="s">
        <v>66</v>
      </c>
      <c r="AE110" s="9" t="s">
        <v>66</v>
      </c>
      <c r="AF110" s="9" t="s">
        <v>67</v>
      </c>
      <c r="AG110" s="9" t="s">
        <v>67</v>
      </c>
      <c r="AH110" s="9"/>
      <c r="AI110" s="9" t="s">
        <v>66</v>
      </c>
      <c r="AJ110" s="9" t="s">
        <v>68</v>
      </c>
      <c r="AK110" s="9"/>
      <c r="AL110" s="9" t="s">
        <v>68</v>
      </c>
      <c r="AM110" s="9" t="s">
        <v>66</v>
      </c>
      <c r="AN110" s="9" t="s">
        <v>68</v>
      </c>
      <c r="AO110" s="9" t="s">
        <v>68</v>
      </c>
      <c r="AP110" s="9" t="s">
        <v>67</v>
      </c>
      <c r="AQ110" s="9" t="s">
        <v>67</v>
      </c>
      <c r="AR110" s="9" t="s">
        <v>117</v>
      </c>
      <c r="AS110" s="9" t="s">
        <v>64</v>
      </c>
      <c r="AT110" s="9" t="s">
        <v>122</v>
      </c>
      <c r="AU110" s="9" t="s">
        <v>108</v>
      </c>
      <c r="AV110" s="9">
        <v>0</v>
      </c>
      <c r="AW110" s="9" t="s">
        <v>123</v>
      </c>
      <c r="AX110" s="9" t="s">
        <v>124</v>
      </c>
      <c r="AY110" s="9" t="s">
        <v>125</v>
      </c>
      <c r="AZ110" s="9" t="s">
        <v>126</v>
      </c>
    </row>
    <row r="111" spans="1:174" s="32" customFormat="1" ht="27" customHeight="1">
      <c r="A111" s="11">
        <v>2025</v>
      </c>
      <c r="B111" s="9">
        <v>315</v>
      </c>
      <c r="C111" s="10" t="s">
        <v>54</v>
      </c>
      <c r="D111" s="9" t="s">
        <v>77</v>
      </c>
      <c r="E111" s="9" t="s">
        <v>376</v>
      </c>
      <c r="F111" s="9" t="s">
        <v>377</v>
      </c>
      <c r="G111" s="9" t="s">
        <v>378</v>
      </c>
      <c r="H111" s="9" t="s">
        <v>379</v>
      </c>
      <c r="I111" s="9" t="s">
        <v>380</v>
      </c>
      <c r="J111" s="9">
        <v>0</v>
      </c>
      <c r="K111" s="9">
        <v>0</v>
      </c>
      <c r="L111" s="9">
        <v>0</v>
      </c>
      <c r="M111" s="9">
        <v>0</v>
      </c>
      <c r="N111" s="9" t="s">
        <v>381</v>
      </c>
      <c r="O111" s="9" t="s">
        <v>382</v>
      </c>
      <c r="P111" s="9" t="s">
        <v>323</v>
      </c>
      <c r="Q111" s="9" t="s">
        <v>209</v>
      </c>
      <c r="R111" s="9" t="s">
        <v>64</v>
      </c>
      <c r="S111" s="9">
        <v>0</v>
      </c>
      <c r="T111" s="9" t="s">
        <v>65</v>
      </c>
      <c r="U111" s="9" t="s">
        <v>67</v>
      </c>
      <c r="V111" s="9" t="s">
        <v>67</v>
      </c>
      <c r="W111" s="9" t="s">
        <v>67</v>
      </c>
      <c r="X111" s="9" t="s">
        <v>67</v>
      </c>
      <c r="Y111" s="9" t="s">
        <v>67</v>
      </c>
      <c r="Z111" s="9" t="s">
        <v>67</v>
      </c>
      <c r="AA111" s="9" t="s">
        <v>67</v>
      </c>
      <c r="AB111" s="9" t="s">
        <v>67</v>
      </c>
      <c r="AC111" s="9" t="s">
        <v>67</v>
      </c>
      <c r="AD111" s="9" t="s">
        <v>65</v>
      </c>
      <c r="AE111" s="9" t="s">
        <v>67</v>
      </c>
      <c r="AF111" s="9" t="s">
        <v>67</v>
      </c>
      <c r="AG111" s="9" t="s">
        <v>67</v>
      </c>
      <c r="AH111" s="9" t="s">
        <v>67</v>
      </c>
      <c r="AI111" s="9" t="s">
        <v>67</v>
      </c>
      <c r="AJ111" s="9" t="s">
        <v>67</v>
      </c>
      <c r="AK111" s="9" t="s">
        <v>67</v>
      </c>
      <c r="AL111" s="9" t="s">
        <v>67</v>
      </c>
      <c r="AM111" s="9" t="s">
        <v>67</v>
      </c>
      <c r="AN111" s="9" t="s">
        <v>67</v>
      </c>
      <c r="AO111" s="9" t="s">
        <v>67</v>
      </c>
      <c r="AP111" s="9" t="s">
        <v>67</v>
      </c>
      <c r="AQ111" s="9" t="s">
        <v>67</v>
      </c>
      <c r="AR111" s="9" t="s">
        <v>383</v>
      </c>
      <c r="AS111" s="9" t="s">
        <v>64</v>
      </c>
      <c r="AT111" s="9">
        <v>0</v>
      </c>
      <c r="AU111" s="9" t="s">
        <v>162</v>
      </c>
      <c r="AV111" s="9" t="s">
        <v>384</v>
      </c>
      <c r="AW111" s="9" t="s">
        <v>385</v>
      </c>
      <c r="AX111" s="9" t="s">
        <v>386</v>
      </c>
      <c r="AY111" s="9" t="s">
        <v>387</v>
      </c>
      <c r="AZ111" s="9" t="s">
        <v>388</v>
      </c>
      <c r="BA111" s="2"/>
      <c r="BB111" s="2"/>
      <c r="BC111" s="2"/>
      <c r="BD111" s="2"/>
      <c r="BE111" s="2"/>
      <c r="BF111" s="2"/>
      <c r="BG111" s="2"/>
      <c r="BH111" s="2"/>
      <c r="BI111" s="2"/>
      <c r="BJ111" s="2"/>
      <c r="BK111" s="2"/>
      <c r="BL111" s="2"/>
      <c r="BM111" s="2"/>
      <c r="BN111" s="2"/>
      <c r="BO111" s="2"/>
      <c r="BP111" s="2"/>
      <c r="BQ111" s="2"/>
      <c r="BR111" s="2"/>
      <c r="BS111" s="2"/>
      <c r="BT111" s="2"/>
      <c r="BU111" s="2"/>
      <c r="BV111" s="2"/>
      <c r="BW111" s="2"/>
      <c r="BX111" s="2"/>
      <c r="BY111" s="2"/>
      <c r="BZ111" s="2"/>
      <c r="CA111" s="2"/>
      <c r="CB111" s="2"/>
      <c r="CC111" s="2"/>
      <c r="CD111" s="2"/>
      <c r="CE111" s="2"/>
      <c r="CF111" s="2"/>
      <c r="CG111" s="2"/>
      <c r="CH111" s="2"/>
      <c r="CI111" s="2"/>
      <c r="CJ111" s="2"/>
      <c r="CK111" s="2"/>
      <c r="CL111" s="2"/>
      <c r="CM111" s="2"/>
      <c r="CN111" s="2"/>
      <c r="CO111" s="2"/>
      <c r="CP111" s="2"/>
      <c r="CQ111" s="2"/>
      <c r="CR111" s="2"/>
      <c r="CS111" s="2"/>
      <c r="CT111" s="2"/>
      <c r="CU111" s="2"/>
      <c r="CV111" s="2"/>
      <c r="CW111" s="2"/>
      <c r="CX111" s="2"/>
      <c r="CY111" s="2"/>
      <c r="CZ111" s="2"/>
      <c r="DA111" s="2"/>
      <c r="DB111" s="2"/>
      <c r="DC111" s="2"/>
      <c r="DD111" s="2"/>
      <c r="DE111" s="2"/>
      <c r="DF111" s="2"/>
      <c r="DG111" s="2"/>
      <c r="DH111" s="2"/>
      <c r="DI111" s="2"/>
      <c r="DJ111" s="2"/>
      <c r="DK111" s="2"/>
      <c r="DL111" s="2"/>
      <c r="DM111" s="2"/>
      <c r="DN111" s="2"/>
      <c r="DO111" s="2"/>
      <c r="DP111" s="2"/>
      <c r="DQ111" s="2"/>
      <c r="DR111" s="2"/>
      <c r="DS111" s="2"/>
      <c r="DT111" s="2"/>
      <c r="DU111" s="2"/>
      <c r="DV111" s="2"/>
      <c r="DW111" s="2"/>
      <c r="DX111" s="2"/>
      <c r="DY111" s="2"/>
      <c r="DZ111" s="2"/>
      <c r="EA111" s="2"/>
      <c r="EB111" s="2"/>
      <c r="EC111" s="2"/>
      <c r="ED111" s="2"/>
      <c r="EE111" s="2"/>
      <c r="EF111" s="2"/>
      <c r="EG111" s="2"/>
      <c r="EH111" s="2"/>
      <c r="EI111" s="2"/>
      <c r="EJ111" s="2"/>
      <c r="EK111" s="2"/>
      <c r="EL111" s="2"/>
      <c r="EM111" s="2"/>
      <c r="EN111" s="2"/>
      <c r="EO111" s="2"/>
      <c r="EP111" s="2"/>
      <c r="EQ111" s="2"/>
      <c r="ER111" s="2"/>
      <c r="ES111" s="2"/>
      <c r="ET111" s="2"/>
      <c r="EU111" s="2"/>
      <c r="EV111" s="2"/>
      <c r="EW111" s="2"/>
      <c r="EX111" s="2"/>
      <c r="EY111" s="2"/>
      <c r="EZ111" s="2"/>
      <c r="FA111" s="2"/>
      <c r="FB111" s="2"/>
      <c r="FC111" s="2"/>
      <c r="FD111" s="2"/>
      <c r="FE111" s="2"/>
      <c r="FF111" s="2"/>
      <c r="FG111" s="2"/>
      <c r="FH111" s="2"/>
      <c r="FI111" s="2"/>
      <c r="FJ111" s="2"/>
      <c r="FK111" s="2"/>
      <c r="FL111" s="2"/>
      <c r="FM111" s="2"/>
      <c r="FN111" s="2"/>
      <c r="FO111" s="2"/>
      <c r="FP111" s="2"/>
      <c r="FQ111" s="2"/>
      <c r="FR111" s="2"/>
    </row>
    <row r="112" spans="1:174" s="2" customFormat="1" ht="27" customHeight="1">
      <c r="A112" s="18">
        <v>2025</v>
      </c>
      <c r="B112" s="13">
        <v>658</v>
      </c>
      <c r="C112" s="10" t="s">
        <v>54</v>
      </c>
      <c r="D112" s="13" t="s">
        <v>77</v>
      </c>
      <c r="E112" s="13" t="s">
        <v>403</v>
      </c>
      <c r="F112" s="9" t="s">
        <v>404</v>
      </c>
      <c r="G112" s="13" t="s">
        <v>405</v>
      </c>
      <c r="H112" s="26" t="s">
        <v>406</v>
      </c>
      <c r="I112" s="13" t="s">
        <v>407</v>
      </c>
      <c r="J112" s="9">
        <v>0</v>
      </c>
      <c r="K112" s="9">
        <v>0</v>
      </c>
      <c r="L112" s="9">
        <v>0</v>
      </c>
      <c r="M112" s="9">
        <v>0</v>
      </c>
      <c r="N112" s="9" t="s">
        <v>408</v>
      </c>
      <c r="O112" s="9" t="s">
        <v>409</v>
      </c>
      <c r="P112" s="9" t="s">
        <v>62</v>
      </c>
      <c r="Q112" s="9" t="s">
        <v>209</v>
      </c>
      <c r="R112" s="9" t="s">
        <v>64</v>
      </c>
      <c r="S112" s="9" t="s">
        <v>410</v>
      </c>
      <c r="T112" s="9" t="s">
        <v>67</v>
      </c>
      <c r="U112" s="9" t="s">
        <v>67</v>
      </c>
      <c r="V112" s="9" t="s">
        <v>65</v>
      </c>
      <c r="W112" s="9" t="s">
        <v>67</v>
      </c>
      <c r="X112" s="9" t="s">
        <v>67</v>
      </c>
      <c r="Y112" s="9" t="s">
        <v>65</v>
      </c>
      <c r="Z112" s="9" t="s">
        <v>67</v>
      </c>
      <c r="AA112" s="9" t="s">
        <v>67</v>
      </c>
      <c r="AB112" s="9" t="s">
        <v>67</v>
      </c>
      <c r="AC112" s="9" t="s">
        <v>67</v>
      </c>
      <c r="AD112" s="9" t="s">
        <v>67</v>
      </c>
      <c r="AE112" s="9" t="s">
        <v>67</v>
      </c>
      <c r="AF112" s="9" t="s">
        <v>67</v>
      </c>
      <c r="AG112" s="9" t="s">
        <v>67</v>
      </c>
      <c r="AH112" s="9" t="s">
        <v>65</v>
      </c>
      <c r="AI112" s="9" t="s">
        <v>65</v>
      </c>
      <c r="AJ112" s="9" t="s">
        <v>67</v>
      </c>
      <c r="AK112" s="9" t="s">
        <v>67</v>
      </c>
      <c r="AL112" s="9" t="s">
        <v>67</v>
      </c>
      <c r="AM112" s="9" t="s">
        <v>67</v>
      </c>
      <c r="AN112" s="9" t="s">
        <v>67</v>
      </c>
      <c r="AO112" s="9" t="s">
        <v>65</v>
      </c>
      <c r="AP112" s="9" t="s">
        <v>67</v>
      </c>
      <c r="AQ112" s="9" t="s">
        <v>67</v>
      </c>
      <c r="AR112" s="9" t="s">
        <v>411</v>
      </c>
      <c r="AS112" s="9" t="s">
        <v>64</v>
      </c>
      <c r="AT112" s="9" t="s">
        <v>412</v>
      </c>
      <c r="AU112" s="9" t="s">
        <v>151</v>
      </c>
      <c r="AV112" s="9" t="s">
        <v>413</v>
      </c>
      <c r="AW112" s="9" t="s">
        <v>110</v>
      </c>
      <c r="AX112" s="9" t="s">
        <v>111</v>
      </c>
      <c r="AY112" s="9" t="s">
        <v>414</v>
      </c>
      <c r="AZ112" s="9" t="s">
        <v>112</v>
      </c>
      <c r="BA112" s="15"/>
    </row>
    <row r="113" spans="1:174" s="2" customFormat="1" ht="27" customHeight="1">
      <c r="A113" s="11">
        <v>2025</v>
      </c>
      <c r="B113" s="9">
        <v>656</v>
      </c>
      <c r="C113" s="10" t="s">
        <v>54</v>
      </c>
      <c r="D113" s="9" t="s">
        <v>77</v>
      </c>
      <c r="E113" s="9" t="s">
        <v>595</v>
      </c>
      <c r="F113" s="9" t="s">
        <v>596</v>
      </c>
      <c r="G113" s="9" t="s">
        <v>597</v>
      </c>
      <c r="H113" s="9" t="s">
        <v>598</v>
      </c>
      <c r="I113" s="9" t="s">
        <v>599</v>
      </c>
      <c r="J113" s="9">
        <v>0</v>
      </c>
      <c r="K113" s="9">
        <v>0</v>
      </c>
      <c r="L113" s="9">
        <v>0</v>
      </c>
      <c r="M113" s="9"/>
      <c r="N113" s="9" t="s">
        <v>600</v>
      </c>
      <c r="O113" s="9" t="s">
        <v>601</v>
      </c>
      <c r="P113" s="9">
        <v>3</v>
      </c>
      <c r="Q113" s="9" t="s">
        <v>310</v>
      </c>
      <c r="R113" s="9" t="s">
        <v>64</v>
      </c>
      <c r="S113" s="9" t="s">
        <v>602</v>
      </c>
      <c r="T113" s="9" t="s">
        <v>65</v>
      </c>
      <c r="U113" s="9" t="s">
        <v>67</v>
      </c>
      <c r="V113" s="9" t="s">
        <v>65</v>
      </c>
      <c r="W113" s="9" t="s">
        <v>67</v>
      </c>
      <c r="X113" s="9" t="s">
        <v>65</v>
      </c>
      <c r="Y113" s="9" t="s">
        <v>67</v>
      </c>
      <c r="Z113" s="9" t="s">
        <v>67</v>
      </c>
      <c r="AA113" s="9" t="s">
        <v>65</v>
      </c>
      <c r="AB113" s="9" t="s">
        <v>67</v>
      </c>
      <c r="AC113" s="9" t="s">
        <v>65</v>
      </c>
      <c r="AD113" s="9" t="s">
        <v>65</v>
      </c>
      <c r="AE113" s="9" t="s">
        <v>67</v>
      </c>
      <c r="AF113" s="9" t="s">
        <v>67</v>
      </c>
      <c r="AG113" s="9" t="s">
        <v>67</v>
      </c>
      <c r="AH113" s="9" t="s">
        <v>67</v>
      </c>
      <c r="AI113" s="9" t="s">
        <v>67</v>
      </c>
      <c r="AJ113" s="9" t="s">
        <v>67</v>
      </c>
      <c r="AK113" s="9" t="s">
        <v>67</v>
      </c>
      <c r="AL113" s="9" t="s">
        <v>67</v>
      </c>
      <c r="AM113" s="9" t="s">
        <v>67</v>
      </c>
      <c r="AN113" s="9" t="s">
        <v>65</v>
      </c>
      <c r="AO113" s="9" t="s">
        <v>67</v>
      </c>
      <c r="AP113" s="9" t="s">
        <v>67</v>
      </c>
      <c r="AQ113" s="9" t="s">
        <v>67</v>
      </c>
      <c r="AR113" s="9" t="s">
        <v>598</v>
      </c>
      <c r="AS113" s="9" t="s">
        <v>64</v>
      </c>
      <c r="AT113" s="9" t="s">
        <v>603</v>
      </c>
      <c r="AU113" s="9" t="s">
        <v>108</v>
      </c>
      <c r="AV113" s="9" t="s">
        <v>604</v>
      </c>
      <c r="AW113" s="9" t="s">
        <v>605</v>
      </c>
      <c r="AX113" s="9" t="s">
        <v>606</v>
      </c>
      <c r="AY113" s="9" t="s">
        <v>607</v>
      </c>
      <c r="AZ113" s="9" t="s">
        <v>608</v>
      </c>
    </row>
    <row r="114" spans="1:174" s="36" customFormat="1" ht="27" customHeight="1">
      <c r="A114" s="11">
        <v>2025</v>
      </c>
      <c r="B114" s="9">
        <v>601</v>
      </c>
      <c r="C114" s="10" t="s">
        <v>54</v>
      </c>
      <c r="D114" s="9" t="s">
        <v>77</v>
      </c>
      <c r="E114" s="9" t="s">
        <v>705</v>
      </c>
      <c r="F114" s="9" t="s">
        <v>706</v>
      </c>
      <c r="G114" s="9" t="s">
        <v>707</v>
      </c>
      <c r="H114" s="9" t="s">
        <v>708</v>
      </c>
      <c r="I114" s="9" t="s">
        <v>709</v>
      </c>
      <c r="J114" s="9">
        <v>0</v>
      </c>
      <c r="K114" s="9">
        <v>0</v>
      </c>
      <c r="L114" s="9">
        <v>0</v>
      </c>
      <c r="M114" s="9" t="s">
        <v>86</v>
      </c>
      <c r="N114" s="9" t="s">
        <v>710</v>
      </c>
      <c r="O114" s="9" t="s">
        <v>711</v>
      </c>
      <c r="P114" s="9" t="s">
        <v>70</v>
      </c>
      <c r="Q114" s="9" t="s">
        <v>121</v>
      </c>
      <c r="R114" s="9" t="s">
        <v>64</v>
      </c>
      <c r="S114" s="9" t="s">
        <v>712</v>
      </c>
      <c r="T114" s="9" t="s">
        <v>66</v>
      </c>
      <c r="U114" s="9" t="s">
        <v>66</v>
      </c>
      <c r="V114" s="9" t="s">
        <v>66</v>
      </c>
      <c r="W114" s="9" t="s">
        <v>67</v>
      </c>
      <c r="X114" s="9" t="s">
        <v>66</v>
      </c>
      <c r="Y114" s="9" t="s">
        <v>67</v>
      </c>
      <c r="Z114" s="9" t="s">
        <v>67</v>
      </c>
      <c r="AA114" s="9" t="s">
        <v>66</v>
      </c>
      <c r="AB114" s="9" t="s">
        <v>66</v>
      </c>
      <c r="AC114" s="9" t="s">
        <v>66</v>
      </c>
      <c r="AD114" s="9" t="s">
        <v>66</v>
      </c>
      <c r="AE114" s="9" t="s">
        <v>66</v>
      </c>
      <c r="AF114" s="9" t="s">
        <v>67</v>
      </c>
      <c r="AG114" s="9" t="s">
        <v>66</v>
      </c>
      <c r="AH114" s="9" t="s">
        <v>66</v>
      </c>
      <c r="AI114" s="9" t="s">
        <v>67</v>
      </c>
      <c r="AJ114" s="9" t="s">
        <v>67</v>
      </c>
      <c r="AK114" s="9" t="s">
        <v>67</v>
      </c>
      <c r="AL114" s="9" t="s">
        <v>67</v>
      </c>
      <c r="AM114" s="9" t="s">
        <v>66</v>
      </c>
      <c r="AN114" s="9" t="s">
        <v>67</v>
      </c>
      <c r="AO114" s="9" t="s">
        <v>67</v>
      </c>
      <c r="AP114" s="9" t="s">
        <v>67</v>
      </c>
      <c r="AQ114" s="9" t="s">
        <v>67</v>
      </c>
      <c r="AR114" s="9" t="s">
        <v>713</v>
      </c>
      <c r="AS114" s="9" t="s">
        <v>64</v>
      </c>
      <c r="AT114" s="9" t="s">
        <v>714</v>
      </c>
      <c r="AU114" s="9" t="s">
        <v>151</v>
      </c>
      <c r="AV114" s="9" t="s">
        <v>70</v>
      </c>
      <c r="AW114" s="9" t="s">
        <v>110</v>
      </c>
      <c r="AX114" s="9" t="s">
        <v>111</v>
      </c>
      <c r="AY114" s="9" t="s">
        <v>414</v>
      </c>
      <c r="AZ114" s="9" t="s">
        <v>112</v>
      </c>
      <c r="BA114" s="2"/>
      <c r="BB114" s="2"/>
      <c r="BC114" s="2"/>
      <c r="BD114" s="2"/>
      <c r="BE114" s="2"/>
      <c r="BF114" s="2"/>
      <c r="BG114" s="2"/>
      <c r="BH114" s="2"/>
      <c r="BI114" s="2"/>
      <c r="BJ114" s="2"/>
      <c r="BK114" s="2"/>
      <c r="BL114" s="2"/>
      <c r="BM114" s="2"/>
      <c r="BN114" s="2"/>
      <c r="BO114" s="2"/>
      <c r="BP114" s="2"/>
      <c r="BQ114" s="2"/>
      <c r="BR114" s="2"/>
      <c r="BS114" s="2"/>
      <c r="BT114" s="2"/>
      <c r="BU114" s="2"/>
      <c r="BV114" s="2"/>
      <c r="BW114" s="2"/>
      <c r="BX114" s="2"/>
      <c r="BY114" s="2"/>
      <c r="BZ114" s="2"/>
      <c r="CA114" s="2"/>
      <c r="CB114" s="2"/>
      <c r="CC114" s="2"/>
      <c r="CD114" s="2"/>
      <c r="CE114" s="2"/>
      <c r="CF114" s="2"/>
      <c r="CG114" s="2"/>
      <c r="CH114" s="2"/>
      <c r="CI114" s="2"/>
      <c r="CJ114" s="2"/>
      <c r="CK114" s="2"/>
      <c r="CL114" s="2"/>
      <c r="CM114" s="2"/>
      <c r="CN114" s="2"/>
      <c r="CO114" s="2"/>
      <c r="CP114" s="2"/>
      <c r="CQ114" s="2"/>
      <c r="CR114" s="2"/>
      <c r="CS114" s="2"/>
      <c r="CT114" s="2"/>
      <c r="CU114" s="2"/>
      <c r="CV114" s="2"/>
      <c r="CW114" s="2"/>
      <c r="CX114" s="2"/>
      <c r="CY114" s="2"/>
      <c r="CZ114" s="2"/>
      <c r="DA114" s="2"/>
      <c r="DB114" s="2"/>
      <c r="DC114" s="2"/>
      <c r="DD114" s="2"/>
      <c r="DE114" s="2"/>
      <c r="DF114" s="2"/>
      <c r="DG114" s="2"/>
      <c r="DH114" s="2"/>
      <c r="DI114" s="2"/>
      <c r="DJ114" s="2"/>
      <c r="DK114" s="2"/>
      <c r="DL114" s="2"/>
      <c r="DM114" s="2"/>
      <c r="DN114" s="2"/>
      <c r="DO114" s="2"/>
      <c r="DP114" s="2"/>
      <c r="DQ114" s="2"/>
      <c r="DR114" s="2"/>
      <c r="DS114" s="2"/>
      <c r="DT114" s="2"/>
      <c r="DU114" s="2"/>
      <c r="DV114" s="2"/>
      <c r="DW114" s="2"/>
      <c r="DX114" s="2"/>
      <c r="DY114" s="2"/>
      <c r="DZ114" s="2"/>
      <c r="EA114" s="2"/>
      <c r="EB114" s="2"/>
      <c r="EC114" s="2"/>
      <c r="ED114" s="2"/>
      <c r="EE114" s="2"/>
      <c r="EF114" s="2"/>
      <c r="EG114" s="2"/>
      <c r="EH114" s="2"/>
      <c r="EI114" s="2"/>
      <c r="EJ114" s="2"/>
      <c r="EK114" s="2"/>
      <c r="EL114" s="2"/>
      <c r="EM114" s="2"/>
      <c r="EN114" s="2"/>
      <c r="EO114" s="2"/>
      <c r="EP114" s="2"/>
      <c r="EQ114" s="2"/>
      <c r="ER114" s="2"/>
      <c r="ES114" s="2"/>
      <c r="ET114" s="2"/>
      <c r="EU114" s="2"/>
      <c r="EV114" s="2"/>
      <c r="EW114" s="2"/>
      <c r="EX114" s="2"/>
      <c r="EY114" s="2"/>
      <c r="EZ114" s="2"/>
      <c r="FA114" s="2"/>
      <c r="FB114" s="2"/>
      <c r="FC114" s="2"/>
      <c r="FD114" s="2"/>
      <c r="FE114" s="2"/>
      <c r="FF114" s="2"/>
      <c r="FG114" s="2"/>
      <c r="FH114" s="2"/>
      <c r="FI114" s="2"/>
      <c r="FJ114" s="2"/>
      <c r="FK114" s="2"/>
      <c r="FL114" s="2"/>
      <c r="FM114" s="2"/>
      <c r="FN114" s="2"/>
      <c r="FO114" s="2"/>
      <c r="FP114" s="2"/>
      <c r="FQ114" s="2"/>
      <c r="FR114" s="2"/>
    </row>
    <row r="115" spans="1:174" s="2" customFormat="1" ht="27" customHeight="1">
      <c r="A115" s="18">
        <v>2024</v>
      </c>
      <c r="B115" s="13">
        <v>529</v>
      </c>
      <c r="C115" s="10" t="s">
        <v>54</v>
      </c>
      <c r="D115" s="13" t="s">
        <v>77</v>
      </c>
      <c r="E115" s="13" t="s">
        <v>376</v>
      </c>
      <c r="F115" s="9" t="s">
        <v>715</v>
      </c>
      <c r="G115" s="13" t="s">
        <v>716</v>
      </c>
      <c r="H115" s="14" t="s">
        <v>717</v>
      </c>
      <c r="I115" s="13" t="s">
        <v>718</v>
      </c>
      <c r="J115" s="13">
        <v>95</v>
      </c>
      <c r="K115" s="13">
        <v>7</v>
      </c>
      <c r="L115" s="13">
        <v>945</v>
      </c>
      <c r="M115" s="13" t="s">
        <v>134</v>
      </c>
      <c r="N115" s="14" t="s">
        <v>719</v>
      </c>
      <c r="O115" s="14"/>
      <c r="P115" s="13" t="s">
        <v>134</v>
      </c>
      <c r="Q115" s="13" t="s">
        <v>89</v>
      </c>
      <c r="R115" s="13"/>
      <c r="S115" s="13"/>
      <c r="T115" s="13" t="s">
        <v>66</v>
      </c>
      <c r="U115" s="13" t="s">
        <v>66</v>
      </c>
      <c r="V115" s="13" t="s">
        <v>66</v>
      </c>
      <c r="W115" s="13" t="s">
        <v>67</v>
      </c>
      <c r="X115" s="13" t="s">
        <v>67</v>
      </c>
      <c r="Y115" s="13" t="s">
        <v>67</v>
      </c>
      <c r="Z115" s="13" t="s">
        <v>67</v>
      </c>
      <c r="AA115" s="13" t="s">
        <v>67</v>
      </c>
      <c r="AB115" s="13" t="s">
        <v>67</v>
      </c>
      <c r="AC115" s="13" t="s">
        <v>67</v>
      </c>
      <c r="AD115" s="13" t="s">
        <v>67</v>
      </c>
      <c r="AE115" s="13" t="s">
        <v>67</v>
      </c>
      <c r="AF115" s="13" t="s">
        <v>67</v>
      </c>
      <c r="AG115" s="13" t="s">
        <v>67</v>
      </c>
      <c r="AH115" s="13" t="s">
        <v>67</v>
      </c>
      <c r="AI115" s="13" t="s">
        <v>67</v>
      </c>
      <c r="AJ115" s="13" t="s">
        <v>67</v>
      </c>
      <c r="AK115" s="13" t="s">
        <v>67</v>
      </c>
      <c r="AL115" s="13" t="s">
        <v>67</v>
      </c>
      <c r="AM115" s="13" t="s">
        <v>67</v>
      </c>
      <c r="AN115" s="13" t="s">
        <v>67</v>
      </c>
      <c r="AO115" s="13" t="s">
        <v>67</v>
      </c>
      <c r="AP115" s="13" t="s">
        <v>67</v>
      </c>
      <c r="AQ115" s="13" t="s">
        <v>67</v>
      </c>
      <c r="AR115" s="14" t="s">
        <v>720</v>
      </c>
      <c r="AS115" s="24" t="s">
        <v>90</v>
      </c>
      <c r="AT115" s="14" t="s">
        <v>721</v>
      </c>
      <c r="AU115" s="13" t="s">
        <v>437</v>
      </c>
      <c r="AV115" s="13"/>
      <c r="AW115" s="13" t="s">
        <v>722</v>
      </c>
      <c r="AX115" s="13" t="s">
        <v>723</v>
      </c>
      <c r="AY115" s="13" t="s">
        <v>724</v>
      </c>
      <c r="AZ115" s="13" t="s">
        <v>725</v>
      </c>
      <c r="BA115" s="15"/>
    </row>
    <row r="116" spans="1:174" s="2" customFormat="1" ht="27" customHeight="1">
      <c r="A116" s="11">
        <v>2025</v>
      </c>
      <c r="B116" s="9">
        <v>629</v>
      </c>
      <c r="C116" s="10" t="s">
        <v>54</v>
      </c>
      <c r="D116" s="9" t="s">
        <v>77</v>
      </c>
      <c r="E116" s="9" t="s">
        <v>726</v>
      </c>
      <c r="F116" s="9" t="s">
        <v>727</v>
      </c>
      <c r="G116" s="9" t="s">
        <v>728</v>
      </c>
      <c r="H116" s="9" t="s">
        <v>729</v>
      </c>
      <c r="I116" s="9" t="s">
        <v>730</v>
      </c>
      <c r="J116" s="9">
        <v>0</v>
      </c>
      <c r="K116" s="9">
        <v>0</v>
      </c>
      <c r="L116" s="9">
        <v>0</v>
      </c>
      <c r="M116" s="9">
        <v>0</v>
      </c>
      <c r="N116" s="9" t="s">
        <v>731</v>
      </c>
      <c r="O116" s="9" t="s">
        <v>732</v>
      </c>
      <c r="P116" s="9" t="s">
        <v>134</v>
      </c>
      <c r="Q116" s="9" t="s">
        <v>209</v>
      </c>
      <c r="R116" s="9" t="s">
        <v>64</v>
      </c>
      <c r="S116" s="9" t="s">
        <v>733</v>
      </c>
      <c r="T116" s="9" t="s">
        <v>65</v>
      </c>
      <c r="U116" s="9" t="s">
        <v>65</v>
      </c>
      <c r="V116" s="9" t="s">
        <v>65</v>
      </c>
      <c r="W116" s="9" t="s">
        <v>67</v>
      </c>
      <c r="X116" s="9" t="s">
        <v>65</v>
      </c>
      <c r="Y116" s="9" t="s">
        <v>67</v>
      </c>
      <c r="Z116" s="9" t="s">
        <v>67</v>
      </c>
      <c r="AA116" s="9" t="s">
        <v>65</v>
      </c>
      <c r="AB116" s="9" t="s">
        <v>65</v>
      </c>
      <c r="AC116" s="9" t="s">
        <v>65</v>
      </c>
      <c r="AD116" s="9" t="s">
        <v>67</v>
      </c>
      <c r="AE116" s="9" t="s">
        <v>65</v>
      </c>
      <c r="AF116" s="9" t="s">
        <v>67</v>
      </c>
      <c r="AG116" s="9" t="s">
        <v>67</v>
      </c>
      <c r="AH116" s="9" t="s">
        <v>65</v>
      </c>
      <c r="AI116" s="9" t="s">
        <v>67</v>
      </c>
      <c r="AJ116" s="9" t="s">
        <v>67</v>
      </c>
      <c r="AK116" s="9" t="s">
        <v>65</v>
      </c>
      <c r="AL116" s="9" t="s">
        <v>65</v>
      </c>
      <c r="AM116" s="9" t="s">
        <v>65</v>
      </c>
      <c r="AN116" s="9" t="s">
        <v>67</v>
      </c>
      <c r="AO116" s="9" t="s">
        <v>65</v>
      </c>
      <c r="AP116" s="9" t="s">
        <v>67</v>
      </c>
      <c r="AQ116" s="9" t="s">
        <v>67</v>
      </c>
      <c r="AR116" s="9" t="s">
        <v>734</v>
      </c>
      <c r="AS116" s="9" t="s">
        <v>64</v>
      </c>
      <c r="AT116" s="9" t="s">
        <v>735</v>
      </c>
      <c r="AU116" s="9" t="s">
        <v>108</v>
      </c>
      <c r="AV116" s="9" t="s">
        <v>736</v>
      </c>
      <c r="AW116" s="9" t="s">
        <v>737</v>
      </c>
      <c r="AX116" s="9" t="s">
        <v>737</v>
      </c>
      <c r="AY116" s="9" t="s">
        <v>738</v>
      </c>
      <c r="AZ116" s="9" t="s">
        <v>738</v>
      </c>
    </row>
    <row r="117" spans="1:174" s="12" customFormat="1" ht="27" customHeight="1">
      <c r="A117" s="11">
        <v>2025</v>
      </c>
      <c r="B117" s="9">
        <v>181</v>
      </c>
      <c r="C117" s="10" t="s">
        <v>54</v>
      </c>
      <c r="D117" s="9" t="s">
        <v>77</v>
      </c>
      <c r="E117" s="9" t="s">
        <v>865</v>
      </c>
      <c r="F117" s="9" t="s">
        <v>866</v>
      </c>
      <c r="G117" s="9" t="s">
        <v>867</v>
      </c>
      <c r="H117" s="9" t="s">
        <v>868</v>
      </c>
      <c r="I117" s="9" t="s">
        <v>869</v>
      </c>
      <c r="J117" s="9">
        <v>0</v>
      </c>
      <c r="K117" s="9">
        <v>0</v>
      </c>
      <c r="L117" s="9">
        <v>0</v>
      </c>
      <c r="M117" s="9" t="s">
        <v>86</v>
      </c>
      <c r="N117" s="9" t="s">
        <v>870</v>
      </c>
      <c r="O117" s="9">
        <v>0</v>
      </c>
      <c r="P117" s="9" t="s">
        <v>62</v>
      </c>
      <c r="Q117" s="9" t="s">
        <v>106</v>
      </c>
      <c r="R117" s="9" t="s">
        <v>64</v>
      </c>
      <c r="S117" s="9" t="s">
        <v>871</v>
      </c>
      <c r="T117" s="9" t="s">
        <v>66</v>
      </c>
      <c r="U117" s="9" t="s">
        <v>66</v>
      </c>
      <c r="V117" s="9" t="s">
        <v>66</v>
      </c>
      <c r="W117" s="9" t="s">
        <v>67</v>
      </c>
      <c r="X117" s="9" t="s">
        <v>66</v>
      </c>
      <c r="Y117" s="9" t="s">
        <v>67</v>
      </c>
      <c r="Z117" s="9" t="s">
        <v>67</v>
      </c>
      <c r="AA117" s="9" t="s">
        <v>66</v>
      </c>
      <c r="AB117" s="9" t="s">
        <v>67</v>
      </c>
      <c r="AC117" s="9" t="s">
        <v>66</v>
      </c>
      <c r="AD117" s="9" t="s">
        <v>67</v>
      </c>
      <c r="AE117" s="9" t="s">
        <v>67</v>
      </c>
      <c r="AF117" s="9" t="s">
        <v>67</v>
      </c>
      <c r="AG117" s="9" t="s">
        <v>67</v>
      </c>
      <c r="AH117" s="9" t="s">
        <v>67</v>
      </c>
      <c r="AI117" s="9" t="s">
        <v>67</v>
      </c>
      <c r="AJ117" s="9" t="s">
        <v>67</v>
      </c>
      <c r="AK117" s="9" t="s">
        <v>66</v>
      </c>
      <c r="AL117" s="9" t="s">
        <v>67</v>
      </c>
      <c r="AM117" s="9" t="s">
        <v>67</v>
      </c>
      <c r="AN117" s="9" t="s">
        <v>67</v>
      </c>
      <c r="AO117" s="9" t="s">
        <v>67</v>
      </c>
      <c r="AP117" s="9" t="s">
        <v>67</v>
      </c>
      <c r="AQ117" s="9" t="s">
        <v>67</v>
      </c>
      <c r="AR117" s="9" t="s">
        <v>872</v>
      </c>
      <c r="AS117" s="9" t="s">
        <v>64</v>
      </c>
      <c r="AT117" s="9" t="s">
        <v>873</v>
      </c>
      <c r="AU117" s="9" t="s">
        <v>108</v>
      </c>
      <c r="AV117" s="9" t="s">
        <v>874</v>
      </c>
      <c r="AW117" s="9" t="s">
        <v>875</v>
      </c>
      <c r="AX117" s="9" t="s">
        <v>876</v>
      </c>
      <c r="AY117" s="9" t="s">
        <v>877</v>
      </c>
      <c r="AZ117" s="9" t="s">
        <v>878</v>
      </c>
      <c r="BA117" s="2"/>
      <c r="BB117" s="2"/>
      <c r="BC117" s="2"/>
      <c r="BD117" s="2"/>
      <c r="BE117" s="2"/>
      <c r="BF117" s="2"/>
      <c r="BG117" s="2"/>
      <c r="BH117" s="2"/>
      <c r="BI117" s="2"/>
      <c r="BJ117" s="2"/>
      <c r="BK117" s="2"/>
      <c r="BL117" s="2"/>
      <c r="BM117" s="2"/>
      <c r="BN117" s="2"/>
      <c r="BO117" s="2"/>
      <c r="BP117" s="2"/>
      <c r="BQ117" s="2"/>
      <c r="BR117" s="2"/>
      <c r="BS117" s="2"/>
      <c r="BT117" s="2"/>
      <c r="BU117" s="2"/>
      <c r="BV117" s="2"/>
      <c r="BW117" s="2"/>
      <c r="BX117" s="2"/>
      <c r="BY117" s="2"/>
      <c r="BZ117" s="2"/>
      <c r="CA117" s="2"/>
      <c r="CB117" s="2"/>
      <c r="CC117" s="2"/>
      <c r="CD117" s="2"/>
      <c r="CE117" s="2"/>
      <c r="CF117" s="2"/>
      <c r="CG117" s="2"/>
      <c r="CH117" s="2"/>
      <c r="CI117" s="2"/>
      <c r="CJ117" s="2"/>
      <c r="CK117" s="2"/>
      <c r="CL117" s="2"/>
      <c r="CM117" s="2"/>
      <c r="CN117" s="2"/>
      <c r="CO117" s="2"/>
      <c r="CP117" s="2"/>
      <c r="CQ117" s="2"/>
      <c r="CR117" s="2"/>
      <c r="CS117" s="2"/>
      <c r="CT117" s="2"/>
      <c r="CU117" s="2"/>
      <c r="CV117" s="2"/>
      <c r="CW117" s="2"/>
      <c r="CX117" s="2"/>
      <c r="CY117" s="2"/>
      <c r="CZ117" s="2"/>
      <c r="DA117" s="2"/>
      <c r="DB117" s="2"/>
      <c r="DC117" s="2"/>
      <c r="DD117" s="2"/>
      <c r="DE117" s="2"/>
      <c r="DF117" s="2"/>
      <c r="DG117" s="2"/>
      <c r="DH117" s="2"/>
      <c r="DI117" s="2"/>
      <c r="DJ117" s="2"/>
      <c r="DK117" s="2"/>
      <c r="DL117" s="2"/>
      <c r="DM117" s="2"/>
      <c r="DN117" s="2"/>
      <c r="DO117" s="2"/>
      <c r="DP117" s="2"/>
      <c r="DQ117" s="2"/>
      <c r="DR117" s="2"/>
      <c r="DS117" s="2"/>
      <c r="DT117" s="2"/>
      <c r="DU117" s="2"/>
      <c r="DV117" s="2"/>
      <c r="DW117" s="2"/>
      <c r="DX117" s="2"/>
      <c r="DY117" s="2"/>
      <c r="DZ117" s="2"/>
      <c r="EA117" s="2"/>
      <c r="EB117" s="2"/>
      <c r="EC117" s="2"/>
      <c r="ED117" s="2"/>
      <c r="EE117" s="2"/>
      <c r="EF117" s="2"/>
      <c r="EG117" s="2"/>
      <c r="EH117" s="2"/>
      <c r="EI117" s="2"/>
      <c r="EJ117" s="2"/>
      <c r="EK117" s="2"/>
      <c r="EL117" s="2"/>
      <c r="EM117" s="2"/>
      <c r="EN117" s="2"/>
      <c r="EO117" s="2"/>
      <c r="EP117" s="2"/>
      <c r="EQ117" s="2"/>
      <c r="ER117" s="2"/>
      <c r="ES117" s="2"/>
      <c r="ET117" s="2"/>
      <c r="EU117" s="2"/>
      <c r="EV117" s="2"/>
      <c r="EW117" s="2"/>
      <c r="EX117" s="2"/>
      <c r="EY117" s="2"/>
      <c r="EZ117" s="2"/>
      <c r="FA117" s="2"/>
      <c r="FB117" s="2"/>
      <c r="FC117" s="2"/>
      <c r="FD117" s="2"/>
      <c r="FE117" s="2"/>
      <c r="FF117" s="2"/>
      <c r="FG117" s="2"/>
      <c r="FH117" s="2"/>
      <c r="FI117" s="2"/>
      <c r="FJ117" s="2"/>
      <c r="FK117" s="2"/>
      <c r="FL117" s="2"/>
      <c r="FM117" s="2"/>
      <c r="FN117" s="2"/>
      <c r="FO117" s="2"/>
      <c r="FP117" s="2"/>
      <c r="FQ117" s="2"/>
      <c r="FR117" s="2"/>
    </row>
    <row r="118" spans="1:174" s="2" customFormat="1" ht="27" customHeight="1">
      <c r="A118" s="11">
        <v>2025</v>
      </c>
      <c r="B118" s="11">
        <v>645</v>
      </c>
      <c r="C118" s="10" t="s">
        <v>54</v>
      </c>
      <c r="D118" s="11" t="s">
        <v>248</v>
      </c>
      <c r="E118" s="11" t="s">
        <v>249</v>
      </c>
      <c r="F118" s="11" t="s">
        <v>250</v>
      </c>
      <c r="G118" s="11" t="s">
        <v>251</v>
      </c>
      <c r="H118" s="11" t="s">
        <v>252</v>
      </c>
      <c r="I118" s="11" t="s">
        <v>253</v>
      </c>
      <c r="J118" s="11">
        <v>0</v>
      </c>
      <c r="K118" s="11">
        <v>0</v>
      </c>
      <c r="L118" s="11">
        <v>0</v>
      </c>
      <c r="M118" s="11"/>
      <c r="N118" s="11" t="s">
        <v>254</v>
      </c>
      <c r="O118" s="11" t="s">
        <v>255</v>
      </c>
      <c r="P118" s="11" t="s">
        <v>256</v>
      </c>
      <c r="Q118" s="11" t="s">
        <v>121</v>
      </c>
      <c r="R118" s="11" t="s">
        <v>64</v>
      </c>
      <c r="S118" s="11" t="s">
        <v>257</v>
      </c>
      <c r="T118" s="11" t="s">
        <v>66</v>
      </c>
      <c r="U118" s="11" t="s">
        <v>66</v>
      </c>
      <c r="V118" s="11" t="s">
        <v>66</v>
      </c>
      <c r="W118" s="11" t="s">
        <v>66</v>
      </c>
      <c r="X118" s="11" t="s">
        <v>66</v>
      </c>
      <c r="Y118" s="11"/>
      <c r="Z118" s="11" t="s">
        <v>66</v>
      </c>
      <c r="AA118" s="11" t="s">
        <v>66</v>
      </c>
      <c r="AB118" s="11" t="s">
        <v>66</v>
      </c>
      <c r="AC118" s="11" t="s">
        <v>66</v>
      </c>
      <c r="AD118" s="11" t="s">
        <v>67</v>
      </c>
      <c r="AE118" s="11" t="s">
        <v>66</v>
      </c>
      <c r="AF118" s="11" t="s">
        <v>66</v>
      </c>
      <c r="AG118" s="11" t="s">
        <v>67</v>
      </c>
      <c r="AH118" s="11" t="s">
        <v>66</v>
      </c>
      <c r="AI118" s="11"/>
      <c r="AJ118" s="11" t="s">
        <v>66</v>
      </c>
      <c r="AK118" s="11" t="s">
        <v>66</v>
      </c>
      <c r="AL118" s="11" t="s">
        <v>66</v>
      </c>
      <c r="AM118" s="11" t="s">
        <v>66</v>
      </c>
      <c r="AN118" s="11" t="s">
        <v>67</v>
      </c>
      <c r="AO118" s="11" t="s">
        <v>66</v>
      </c>
      <c r="AP118" s="11" t="s">
        <v>66</v>
      </c>
      <c r="AQ118" s="11" t="s">
        <v>67</v>
      </c>
      <c r="AR118" s="11" t="s">
        <v>258</v>
      </c>
      <c r="AS118" s="11" t="s">
        <v>64</v>
      </c>
      <c r="AT118" s="11">
        <v>0</v>
      </c>
      <c r="AU118" s="11" t="s">
        <v>71</v>
      </c>
      <c r="AV118" s="11" t="s">
        <v>259</v>
      </c>
      <c r="AW118" s="11" t="s">
        <v>260</v>
      </c>
      <c r="AX118" s="11" t="s">
        <v>260</v>
      </c>
      <c r="AY118" s="11" t="s">
        <v>261</v>
      </c>
      <c r="AZ118" s="11" t="s">
        <v>261</v>
      </c>
      <c r="BA118" s="12"/>
      <c r="BB118" s="12"/>
      <c r="BC118" s="12"/>
      <c r="BD118" s="12"/>
      <c r="BE118" s="12"/>
      <c r="BF118" s="12"/>
      <c r="BG118" s="12"/>
      <c r="BH118" s="12"/>
      <c r="BI118" s="12"/>
      <c r="BJ118" s="12"/>
      <c r="BK118" s="12"/>
      <c r="BL118" s="12"/>
      <c r="BM118" s="12"/>
      <c r="BN118" s="12"/>
      <c r="BO118" s="12"/>
      <c r="BP118" s="12"/>
      <c r="BQ118" s="12"/>
      <c r="BR118" s="12"/>
      <c r="BS118" s="12"/>
      <c r="BT118" s="12"/>
      <c r="BU118" s="12"/>
      <c r="BV118" s="12"/>
      <c r="BW118" s="12"/>
      <c r="BX118" s="12"/>
      <c r="BY118" s="12"/>
      <c r="BZ118" s="12"/>
      <c r="CA118" s="12"/>
      <c r="CB118" s="12"/>
      <c r="CC118" s="12"/>
      <c r="CD118" s="12"/>
      <c r="CE118" s="12"/>
      <c r="CF118" s="12"/>
      <c r="CG118" s="12"/>
      <c r="CH118" s="12"/>
      <c r="CI118" s="12"/>
      <c r="CJ118" s="12"/>
      <c r="CK118" s="12"/>
      <c r="CL118" s="12"/>
      <c r="CM118" s="12"/>
      <c r="CN118" s="12"/>
      <c r="CO118" s="12"/>
      <c r="CP118" s="12"/>
      <c r="CQ118" s="12"/>
      <c r="CR118" s="12"/>
      <c r="CS118" s="12"/>
      <c r="CT118" s="12"/>
      <c r="CU118" s="12"/>
      <c r="CV118" s="12"/>
      <c r="CW118" s="12"/>
      <c r="CX118" s="12"/>
      <c r="CY118" s="12"/>
      <c r="CZ118" s="12"/>
      <c r="DA118" s="12"/>
      <c r="DB118" s="12"/>
      <c r="DC118" s="12"/>
      <c r="DD118" s="12"/>
      <c r="DE118" s="12"/>
      <c r="DF118" s="12"/>
      <c r="DG118" s="12"/>
      <c r="DH118" s="12"/>
      <c r="DI118" s="12"/>
      <c r="DJ118" s="12"/>
      <c r="DK118" s="12"/>
      <c r="DL118" s="12"/>
      <c r="DM118" s="12"/>
      <c r="DN118" s="12"/>
      <c r="DO118" s="12"/>
      <c r="DP118" s="12"/>
      <c r="DQ118" s="12"/>
      <c r="DR118" s="12"/>
      <c r="DS118" s="12"/>
      <c r="DT118" s="12"/>
      <c r="DU118" s="12"/>
      <c r="DV118" s="12"/>
      <c r="DW118" s="12"/>
      <c r="DX118" s="12"/>
      <c r="DY118" s="12"/>
      <c r="DZ118" s="12"/>
      <c r="EA118" s="12"/>
      <c r="EB118" s="12"/>
      <c r="EC118" s="12"/>
      <c r="ED118" s="12"/>
      <c r="EE118" s="12"/>
      <c r="EF118" s="12"/>
      <c r="EG118" s="12"/>
      <c r="EH118" s="12"/>
      <c r="EI118" s="12"/>
      <c r="EJ118" s="12"/>
      <c r="EK118" s="12"/>
      <c r="EL118" s="12"/>
      <c r="EM118" s="12"/>
      <c r="EN118" s="12"/>
      <c r="EO118" s="12"/>
      <c r="EP118" s="12"/>
      <c r="EQ118" s="12"/>
      <c r="ER118" s="12"/>
      <c r="ES118" s="12"/>
      <c r="ET118" s="12"/>
      <c r="EU118" s="12"/>
      <c r="EV118" s="12"/>
      <c r="EW118" s="12"/>
      <c r="EX118" s="12"/>
      <c r="EY118" s="12"/>
      <c r="EZ118" s="12"/>
      <c r="FA118" s="12"/>
      <c r="FB118" s="12"/>
      <c r="FC118" s="12"/>
      <c r="FD118" s="12"/>
      <c r="FE118" s="12"/>
      <c r="FF118" s="12"/>
      <c r="FG118" s="12"/>
      <c r="FH118" s="12"/>
      <c r="FI118" s="12"/>
      <c r="FJ118" s="12"/>
      <c r="FK118" s="12"/>
      <c r="FL118" s="12"/>
      <c r="FM118" s="12"/>
      <c r="FN118" s="12"/>
      <c r="FO118" s="12"/>
      <c r="FP118" s="12"/>
      <c r="FQ118" s="12"/>
      <c r="FR118" s="12"/>
    </row>
    <row r="119" spans="1:174" s="2" customFormat="1" ht="27" customHeight="1">
      <c r="A119" s="11" t="s">
        <v>1364</v>
      </c>
      <c r="B119" s="9">
        <v>732</v>
      </c>
      <c r="C119" s="10" t="s">
        <v>54</v>
      </c>
      <c r="D119" s="9" t="s">
        <v>248</v>
      </c>
      <c r="E119" s="9" t="s">
        <v>1890</v>
      </c>
      <c r="F119" s="9" t="s">
        <v>1891</v>
      </c>
      <c r="G119" s="9" t="s">
        <v>1892</v>
      </c>
      <c r="H119" s="9" t="s">
        <v>1893</v>
      </c>
      <c r="I119" s="9" t="s">
        <v>1894</v>
      </c>
      <c r="J119" s="9">
        <v>0</v>
      </c>
      <c r="K119" s="9">
        <v>0</v>
      </c>
      <c r="L119" s="9">
        <v>0</v>
      </c>
      <c r="M119" s="9"/>
      <c r="N119" s="9" t="s">
        <v>1895</v>
      </c>
      <c r="O119" s="9" t="s">
        <v>119</v>
      </c>
      <c r="P119" s="9" t="s">
        <v>62</v>
      </c>
      <c r="Q119" s="9" t="s">
        <v>1794</v>
      </c>
      <c r="R119" s="9" t="s">
        <v>64</v>
      </c>
      <c r="S119" s="9" t="s">
        <v>1896</v>
      </c>
      <c r="T119" s="9" t="s">
        <v>67</v>
      </c>
      <c r="U119" s="9" t="s">
        <v>67</v>
      </c>
      <c r="V119" s="9" t="s">
        <v>65</v>
      </c>
      <c r="W119" s="9" t="s">
        <v>67</v>
      </c>
      <c r="X119" s="9" t="s">
        <v>67</v>
      </c>
      <c r="Y119" s="9" t="s">
        <v>67</v>
      </c>
      <c r="Z119" s="9" t="s">
        <v>67</v>
      </c>
      <c r="AA119" s="9" t="s">
        <v>67</v>
      </c>
      <c r="AB119" s="9" t="s">
        <v>67</v>
      </c>
      <c r="AC119" s="9" t="s">
        <v>67</v>
      </c>
      <c r="AD119" s="9" t="s">
        <v>67</v>
      </c>
      <c r="AE119" s="9" t="s">
        <v>67</v>
      </c>
      <c r="AF119" s="9" t="s">
        <v>67</v>
      </c>
      <c r="AG119" s="9" t="s">
        <v>67</v>
      </c>
      <c r="AH119" s="9" t="s">
        <v>65</v>
      </c>
      <c r="AI119" s="9" t="s">
        <v>67</v>
      </c>
      <c r="AJ119" s="9" t="s">
        <v>65</v>
      </c>
      <c r="AK119" s="9" t="s">
        <v>67</v>
      </c>
      <c r="AL119" s="9" t="s">
        <v>67</v>
      </c>
      <c r="AM119" s="9" t="s">
        <v>67</v>
      </c>
      <c r="AN119" s="9" t="s">
        <v>67</v>
      </c>
      <c r="AO119" s="9" t="s">
        <v>67</v>
      </c>
      <c r="AP119" s="9" t="s">
        <v>67</v>
      </c>
      <c r="AQ119" s="9" t="s">
        <v>67</v>
      </c>
      <c r="AR119" s="9" t="s">
        <v>1897</v>
      </c>
      <c r="AS119" s="9" t="s">
        <v>64</v>
      </c>
      <c r="AT119" s="9">
        <v>0</v>
      </c>
      <c r="AU119" s="9" t="s">
        <v>108</v>
      </c>
      <c r="AV119" s="9" t="s">
        <v>1898</v>
      </c>
      <c r="AW119" s="9" t="s">
        <v>352</v>
      </c>
      <c r="AX119" s="9" t="s">
        <v>352</v>
      </c>
      <c r="AY119" s="9" t="s">
        <v>354</v>
      </c>
      <c r="AZ119" s="9" t="s">
        <v>354</v>
      </c>
    </row>
    <row r="120" spans="1:174" s="2" customFormat="1" ht="27" customHeight="1">
      <c r="A120" s="11">
        <v>2025</v>
      </c>
      <c r="B120" s="9">
        <v>409</v>
      </c>
      <c r="C120" s="10" t="s">
        <v>54</v>
      </c>
      <c r="D120" s="9" t="s">
        <v>1032</v>
      </c>
      <c r="E120" s="9" t="s">
        <v>1033</v>
      </c>
      <c r="F120" s="9" t="s">
        <v>1034</v>
      </c>
      <c r="G120" s="9" t="s">
        <v>1035</v>
      </c>
      <c r="H120" s="9" t="s">
        <v>1036</v>
      </c>
      <c r="I120" s="9" t="s">
        <v>1037</v>
      </c>
      <c r="J120" s="9">
        <v>513</v>
      </c>
      <c r="K120" s="9">
        <v>5</v>
      </c>
      <c r="L120" s="9">
        <v>550</v>
      </c>
      <c r="M120" s="9" t="s">
        <v>196</v>
      </c>
      <c r="N120" s="9" t="s">
        <v>1038</v>
      </c>
      <c r="O120" s="9" t="s">
        <v>1039</v>
      </c>
      <c r="P120" s="9" t="s">
        <v>134</v>
      </c>
      <c r="Q120" s="9" t="s">
        <v>89</v>
      </c>
      <c r="R120" s="9" t="s">
        <v>64</v>
      </c>
      <c r="S120" s="9">
        <v>0</v>
      </c>
      <c r="T120" s="9" t="s">
        <v>66</v>
      </c>
      <c r="U120" s="9" t="s">
        <v>66</v>
      </c>
      <c r="V120" s="9" t="s">
        <v>66</v>
      </c>
      <c r="W120" s="9" t="s">
        <v>66</v>
      </c>
      <c r="X120" s="9" t="s">
        <v>66</v>
      </c>
      <c r="Y120" s="9" t="s">
        <v>67</v>
      </c>
      <c r="Z120" s="9" t="s">
        <v>67</v>
      </c>
      <c r="AA120" s="9" t="s">
        <v>66</v>
      </c>
      <c r="AB120" s="9" t="s">
        <v>66</v>
      </c>
      <c r="AC120" s="9" t="s">
        <v>66</v>
      </c>
      <c r="AD120" s="9" t="s">
        <v>66</v>
      </c>
      <c r="AE120" s="9" t="s">
        <v>66</v>
      </c>
      <c r="AF120" s="9" t="s">
        <v>66</v>
      </c>
      <c r="AG120" s="9" t="s">
        <v>66</v>
      </c>
      <c r="AH120" s="9" t="s">
        <v>67</v>
      </c>
      <c r="AI120" s="9" t="s">
        <v>67</v>
      </c>
      <c r="AJ120" s="9" t="s">
        <v>67</v>
      </c>
      <c r="AK120" s="9" t="s">
        <v>66</v>
      </c>
      <c r="AL120" s="9" t="s">
        <v>67</v>
      </c>
      <c r="AM120" s="9" t="s">
        <v>66</v>
      </c>
      <c r="AN120" s="9" t="s">
        <v>66</v>
      </c>
      <c r="AO120" s="9" t="s">
        <v>67</v>
      </c>
      <c r="AP120" s="9" t="s">
        <v>66</v>
      </c>
      <c r="AQ120" s="9" t="s">
        <v>67</v>
      </c>
      <c r="AR120" s="9" t="s">
        <v>1040</v>
      </c>
      <c r="AS120" s="9" t="s">
        <v>64</v>
      </c>
      <c r="AT120" s="9">
        <v>0</v>
      </c>
      <c r="AU120" s="9" t="s">
        <v>162</v>
      </c>
      <c r="AV120" s="9" t="s">
        <v>1041</v>
      </c>
      <c r="AW120" s="9" t="s">
        <v>1042</v>
      </c>
      <c r="AX120" s="9" t="s">
        <v>1043</v>
      </c>
      <c r="AY120" s="9" t="s">
        <v>848</v>
      </c>
      <c r="AZ120" s="9" t="s">
        <v>1044</v>
      </c>
    </row>
    <row r="121" spans="1:174" s="32" customFormat="1" ht="27" customHeight="1">
      <c r="A121" s="18">
        <v>2021</v>
      </c>
      <c r="B121" s="13">
        <v>364</v>
      </c>
      <c r="C121" s="10" t="s">
        <v>54</v>
      </c>
      <c r="D121" s="13" t="s">
        <v>1032</v>
      </c>
      <c r="E121" s="13" t="s">
        <v>1566</v>
      </c>
      <c r="F121" s="9" t="s">
        <v>1567</v>
      </c>
      <c r="G121" s="13" t="s">
        <v>1568</v>
      </c>
      <c r="H121" s="14" t="s">
        <v>1569</v>
      </c>
      <c r="I121" s="13" t="s">
        <v>359</v>
      </c>
      <c r="J121" s="13" t="s">
        <v>134</v>
      </c>
      <c r="K121" s="13" t="s">
        <v>134</v>
      </c>
      <c r="L121" s="13" t="s">
        <v>134</v>
      </c>
      <c r="M121" s="13" t="s">
        <v>86</v>
      </c>
      <c r="N121" s="13" t="s">
        <v>1570</v>
      </c>
      <c r="O121" s="13"/>
      <c r="P121" s="13"/>
      <c r="Q121" s="13" t="s">
        <v>89</v>
      </c>
      <c r="R121" s="13"/>
      <c r="S121" s="13"/>
      <c r="T121" s="13"/>
      <c r="U121" s="13"/>
      <c r="V121" s="13" t="s">
        <v>66</v>
      </c>
      <c r="W121" s="13" t="s">
        <v>66</v>
      </c>
      <c r="X121" s="13"/>
      <c r="Y121" s="13"/>
      <c r="Z121" s="13"/>
      <c r="AA121" s="13"/>
      <c r="AB121" s="13"/>
      <c r="AC121" s="13"/>
      <c r="AD121" s="13"/>
      <c r="AE121" s="13"/>
      <c r="AF121" s="13"/>
      <c r="AG121" s="13"/>
      <c r="AH121" s="13" t="s">
        <v>66</v>
      </c>
      <c r="AI121" s="13"/>
      <c r="AJ121" s="13" t="s">
        <v>66</v>
      </c>
      <c r="AK121" s="13"/>
      <c r="AL121" s="13"/>
      <c r="AM121" s="13" t="s">
        <v>66</v>
      </c>
      <c r="AN121" s="13"/>
      <c r="AO121" s="13"/>
      <c r="AP121" s="13"/>
      <c r="AQ121" s="13"/>
      <c r="AR121" s="14" t="s">
        <v>1571</v>
      </c>
      <c r="AS121" s="13" t="s">
        <v>745</v>
      </c>
      <c r="AT121" s="13"/>
      <c r="AU121" s="25" t="s">
        <v>361</v>
      </c>
      <c r="AV121" s="14"/>
      <c r="AW121" s="13" t="s">
        <v>460</v>
      </c>
      <c r="AX121" s="13" t="s">
        <v>460</v>
      </c>
      <c r="AY121" s="13" t="s">
        <v>460</v>
      </c>
      <c r="AZ121" s="13" t="s">
        <v>460</v>
      </c>
      <c r="BA121" s="15"/>
      <c r="BB121" s="2"/>
      <c r="BC121" s="2"/>
      <c r="BD121" s="2"/>
      <c r="BE121" s="2"/>
      <c r="BF121" s="2"/>
      <c r="BG121" s="2"/>
      <c r="BH121" s="2"/>
      <c r="BI121" s="2"/>
      <c r="BJ121" s="2"/>
      <c r="BK121" s="2"/>
      <c r="BL121" s="2"/>
      <c r="BM121" s="2"/>
      <c r="BN121" s="2"/>
      <c r="BO121" s="2"/>
      <c r="BP121" s="2"/>
      <c r="BQ121" s="2"/>
      <c r="BR121" s="2"/>
      <c r="BS121" s="2"/>
      <c r="BT121" s="2"/>
      <c r="BU121" s="2"/>
      <c r="BV121" s="2"/>
      <c r="BW121" s="2"/>
      <c r="BX121" s="2"/>
      <c r="BY121" s="2"/>
      <c r="BZ121" s="2"/>
      <c r="CA121" s="2"/>
      <c r="CB121" s="2"/>
      <c r="CC121" s="2"/>
      <c r="CD121" s="2"/>
      <c r="CE121" s="2"/>
      <c r="CF121" s="2"/>
      <c r="CG121" s="2"/>
      <c r="CH121" s="2"/>
      <c r="CI121" s="2"/>
      <c r="CJ121" s="2"/>
      <c r="CK121" s="2"/>
      <c r="CL121" s="2"/>
      <c r="CM121" s="2"/>
      <c r="CN121" s="2"/>
      <c r="CO121" s="2"/>
      <c r="CP121" s="2"/>
      <c r="CQ121" s="2"/>
      <c r="CR121" s="2"/>
      <c r="CS121" s="2"/>
      <c r="CT121" s="2"/>
      <c r="CU121" s="2"/>
      <c r="CV121" s="2"/>
      <c r="CW121" s="2"/>
      <c r="CX121" s="2"/>
      <c r="CY121" s="2"/>
      <c r="CZ121" s="2"/>
      <c r="DA121" s="2"/>
      <c r="DB121" s="2"/>
      <c r="DC121" s="2"/>
      <c r="DD121" s="2"/>
      <c r="DE121" s="2"/>
      <c r="DF121" s="2"/>
      <c r="DG121" s="2"/>
      <c r="DH121" s="2"/>
      <c r="DI121" s="2"/>
      <c r="DJ121" s="2"/>
      <c r="DK121" s="2"/>
      <c r="DL121" s="2"/>
      <c r="DM121" s="2"/>
      <c r="DN121" s="2"/>
      <c r="DO121" s="2"/>
      <c r="DP121" s="2"/>
      <c r="DQ121" s="2"/>
      <c r="DR121" s="2"/>
      <c r="DS121" s="2"/>
      <c r="DT121" s="2"/>
      <c r="DU121" s="2"/>
      <c r="DV121" s="2"/>
      <c r="DW121" s="2"/>
      <c r="DX121" s="2"/>
      <c r="DY121" s="2"/>
      <c r="DZ121" s="2"/>
      <c r="EA121" s="2"/>
      <c r="EB121" s="2"/>
      <c r="EC121" s="2"/>
      <c r="ED121" s="2"/>
      <c r="EE121" s="2"/>
      <c r="EF121" s="2"/>
      <c r="EG121" s="2"/>
      <c r="EH121" s="2"/>
      <c r="EI121" s="2"/>
      <c r="EJ121" s="2"/>
      <c r="EK121" s="2"/>
      <c r="EL121" s="2"/>
      <c r="EM121" s="2"/>
      <c r="EN121" s="2"/>
      <c r="EO121" s="2"/>
      <c r="EP121" s="2"/>
      <c r="EQ121" s="2"/>
      <c r="ER121" s="2"/>
      <c r="ES121" s="2"/>
      <c r="ET121" s="2"/>
      <c r="EU121" s="2"/>
      <c r="EV121" s="2"/>
      <c r="EW121" s="2"/>
      <c r="EX121" s="2"/>
      <c r="EY121" s="2"/>
      <c r="EZ121" s="2"/>
      <c r="FA121" s="2"/>
      <c r="FB121" s="2"/>
      <c r="FC121" s="2"/>
      <c r="FD121" s="2"/>
      <c r="FE121" s="2"/>
      <c r="FF121" s="2"/>
      <c r="FG121" s="2"/>
      <c r="FH121" s="2"/>
      <c r="FI121" s="2"/>
      <c r="FJ121" s="2"/>
      <c r="FK121" s="2"/>
      <c r="FL121" s="2"/>
      <c r="FM121" s="2"/>
      <c r="FN121" s="2"/>
      <c r="FO121" s="2"/>
      <c r="FP121" s="2"/>
      <c r="FQ121" s="2"/>
      <c r="FR121" s="2"/>
    </row>
    <row r="122" spans="1:174" s="45" customFormat="1" ht="27" customHeight="1">
      <c r="A122" s="11">
        <v>2025</v>
      </c>
      <c r="B122" s="9">
        <v>117</v>
      </c>
      <c r="C122" s="10" t="s">
        <v>54</v>
      </c>
      <c r="D122" s="9" t="s">
        <v>279</v>
      </c>
      <c r="E122" s="9" t="s">
        <v>280</v>
      </c>
      <c r="F122" s="9" t="s">
        <v>281</v>
      </c>
      <c r="G122" s="9" t="s">
        <v>282</v>
      </c>
      <c r="H122" s="9" t="s">
        <v>283</v>
      </c>
      <c r="I122" s="9" t="s">
        <v>284</v>
      </c>
      <c r="J122" s="9">
        <v>0</v>
      </c>
      <c r="K122" s="9">
        <v>0</v>
      </c>
      <c r="L122" s="9">
        <v>0</v>
      </c>
      <c r="M122" s="9"/>
      <c r="N122" s="9" t="s">
        <v>285</v>
      </c>
      <c r="O122" s="9">
        <v>0</v>
      </c>
      <c r="P122" s="9">
        <v>0</v>
      </c>
      <c r="Q122" s="9" t="s">
        <v>121</v>
      </c>
      <c r="R122" s="9" t="s">
        <v>64</v>
      </c>
      <c r="S122" s="9">
        <v>0</v>
      </c>
      <c r="T122" s="9" t="s">
        <v>66</v>
      </c>
      <c r="U122" s="9" t="s">
        <v>66</v>
      </c>
      <c r="V122" s="9" t="s">
        <v>67</v>
      </c>
      <c r="W122" s="9" t="s">
        <v>67</v>
      </c>
      <c r="X122" s="9" t="s">
        <v>66</v>
      </c>
      <c r="Y122" s="9" t="s">
        <v>67</v>
      </c>
      <c r="Z122" s="9" t="s">
        <v>67</v>
      </c>
      <c r="AA122" s="9"/>
      <c r="AB122" s="9" t="s">
        <v>68</v>
      </c>
      <c r="AC122" s="9" t="s">
        <v>66</v>
      </c>
      <c r="AD122" s="9" t="s">
        <v>67</v>
      </c>
      <c r="AE122" s="9" t="s">
        <v>68</v>
      </c>
      <c r="AF122" s="9" t="s">
        <v>67</v>
      </c>
      <c r="AG122" s="9" t="s">
        <v>67</v>
      </c>
      <c r="AH122" s="9" t="s">
        <v>68</v>
      </c>
      <c r="AI122" s="9" t="s">
        <v>68</v>
      </c>
      <c r="AJ122" s="9" t="s">
        <v>68</v>
      </c>
      <c r="AK122" s="9" t="s">
        <v>68</v>
      </c>
      <c r="AL122" s="9" t="s">
        <v>68</v>
      </c>
      <c r="AM122" s="9" t="s">
        <v>68</v>
      </c>
      <c r="AN122" s="9" t="s">
        <v>68</v>
      </c>
      <c r="AO122" s="9" t="s">
        <v>68</v>
      </c>
      <c r="AP122" s="9" t="s">
        <v>68</v>
      </c>
      <c r="AQ122" s="9" t="s">
        <v>68</v>
      </c>
      <c r="AR122" s="9" t="s">
        <v>283</v>
      </c>
      <c r="AS122" s="9" t="s">
        <v>64</v>
      </c>
      <c r="AT122" s="9">
        <v>0</v>
      </c>
      <c r="AU122" s="9" t="s">
        <v>286</v>
      </c>
      <c r="AV122" s="9" t="s">
        <v>287</v>
      </c>
      <c r="AW122" s="13" t="s">
        <v>95</v>
      </c>
      <c r="AX122" s="13" t="s">
        <v>288</v>
      </c>
      <c r="AY122" s="13" t="s">
        <v>289</v>
      </c>
      <c r="AZ122" s="13" t="s">
        <v>96</v>
      </c>
      <c r="BA122" s="2"/>
      <c r="BB122" s="2"/>
      <c r="BC122" s="2"/>
      <c r="BD122" s="2"/>
      <c r="BE122" s="2"/>
      <c r="BF122" s="2"/>
      <c r="BG122" s="2"/>
      <c r="BH122" s="2"/>
      <c r="BI122" s="2"/>
      <c r="BJ122" s="2"/>
      <c r="BK122" s="2"/>
      <c r="BL122" s="2"/>
      <c r="BM122" s="2"/>
      <c r="BN122" s="2"/>
      <c r="BO122" s="2"/>
      <c r="BP122" s="2"/>
      <c r="BQ122" s="2"/>
      <c r="BR122" s="2"/>
      <c r="BS122" s="2"/>
      <c r="BT122" s="2"/>
      <c r="BU122" s="2"/>
      <c r="BV122" s="2"/>
      <c r="BW122" s="2"/>
      <c r="BX122" s="2"/>
      <c r="BY122" s="2"/>
      <c r="BZ122" s="2"/>
      <c r="CA122" s="2"/>
      <c r="CB122" s="2"/>
      <c r="CC122" s="2"/>
      <c r="CD122" s="2"/>
      <c r="CE122" s="2"/>
      <c r="CF122" s="2"/>
      <c r="CG122" s="2"/>
      <c r="CH122" s="2"/>
      <c r="CI122" s="2"/>
      <c r="CJ122" s="2"/>
      <c r="CK122" s="2"/>
      <c r="CL122" s="2"/>
      <c r="CM122" s="2"/>
      <c r="CN122" s="2"/>
      <c r="CO122" s="2"/>
      <c r="CP122" s="2"/>
      <c r="CQ122" s="2"/>
      <c r="CR122" s="2"/>
      <c r="CS122" s="2"/>
      <c r="CT122" s="2"/>
      <c r="CU122" s="2"/>
      <c r="CV122" s="2"/>
      <c r="CW122" s="2"/>
      <c r="CX122" s="2"/>
      <c r="CY122" s="2"/>
      <c r="CZ122" s="2"/>
      <c r="DA122" s="2"/>
      <c r="DB122" s="2"/>
      <c r="DC122" s="2"/>
      <c r="DD122" s="2"/>
      <c r="DE122" s="2"/>
      <c r="DF122" s="2"/>
      <c r="DG122" s="2"/>
      <c r="DH122" s="2"/>
      <c r="DI122" s="2"/>
      <c r="DJ122" s="2"/>
      <c r="DK122" s="2"/>
      <c r="DL122" s="2"/>
      <c r="DM122" s="2"/>
      <c r="DN122" s="2"/>
      <c r="DO122" s="2"/>
      <c r="DP122" s="2"/>
      <c r="DQ122" s="2"/>
      <c r="DR122" s="2"/>
      <c r="DS122" s="2"/>
      <c r="DT122" s="2"/>
      <c r="DU122" s="2"/>
      <c r="DV122" s="2"/>
      <c r="DW122" s="2"/>
      <c r="DX122" s="2"/>
      <c r="DY122" s="2"/>
      <c r="DZ122" s="2"/>
      <c r="EA122" s="2"/>
      <c r="EB122" s="2"/>
      <c r="EC122" s="2"/>
      <c r="ED122" s="2"/>
      <c r="EE122" s="2"/>
      <c r="EF122" s="2"/>
      <c r="EG122" s="2"/>
      <c r="EH122" s="2"/>
      <c r="EI122" s="2"/>
      <c r="EJ122" s="2"/>
      <c r="EK122" s="2"/>
      <c r="EL122" s="2"/>
      <c r="EM122" s="2"/>
      <c r="EN122" s="2"/>
      <c r="EO122" s="2"/>
      <c r="EP122" s="2"/>
      <c r="EQ122" s="2"/>
      <c r="ER122" s="2"/>
      <c r="ES122" s="2"/>
      <c r="ET122" s="2"/>
      <c r="EU122" s="2"/>
      <c r="EV122" s="2"/>
      <c r="EW122" s="2"/>
      <c r="EX122" s="2"/>
      <c r="EY122" s="2"/>
      <c r="EZ122" s="2"/>
      <c r="FA122" s="2"/>
      <c r="FB122" s="2"/>
      <c r="FC122" s="2"/>
      <c r="FD122" s="2"/>
      <c r="FE122" s="2"/>
      <c r="FF122" s="2"/>
      <c r="FG122" s="2"/>
      <c r="FH122" s="2"/>
      <c r="FI122" s="2"/>
      <c r="FJ122" s="2"/>
      <c r="FK122" s="2"/>
      <c r="FL122" s="2"/>
      <c r="FM122" s="2"/>
      <c r="FN122" s="2"/>
      <c r="FO122" s="2"/>
      <c r="FP122" s="2"/>
      <c r="FQ122" s="2"/>
      <c r="FR122" s="2"/>
    </row>
    <row r="123" spans="1:174" s="2" customFormat="1" ht="27" customHeight="1">
      <c r="A123" s="11">
        <v>2025</v>
      </c>
      <c r="B123" s="9">
        <v>221</v>
      </c>
      <c r="C123" s="10" t="s">
        <v>54</v>
      </c>
      <c r="D123" s="9" t="s">
        <v>279</v>
      </c>
      <c r="E123" s="9" t="s">
        <v>304</v>
      </c>
      <c r="F123" s="9" t="s">
        <v>305</v>
      </c>
      <c r="G123" s="9" t="s">
        <v>306</v>
      </c>
      <c r="H123" s="9" t="s">
        <v>307</v>
      </c>
      <c r="I123" s="9" t="s">
        <v>308</v>
      </c>
      <c r="J123" s="9">
        <v>0</v>
      </c>
      <c r="K123" s="9">
        <v>0</v>
      </c>
      <c r="L123" s="9">
        <v>0</v>
      </c>
      <c r="M123" s="9">
        <v>0</v>
      </c>
      <c r="N123" s="9" t="s">
        <v>309</v>
      </c>
      <c r="O123" s="9" t="s">
        <v>119</v>
      </c>
      <c r="P123" s="9" t="s">
        <v>62</v>
      </c>
      <c r="Q123" s="9" t="s">
        <v>310</v>
      </c>
      <c r="R123" s="9" t="s">
        <v>64</v>
      </c>
      <c r="S123" s="9">
        <v>0</v>
      </c>
      <c r="T123" s="9" t="s">
        <v>65</v>
      </c>
      <c r="U123" s="9" t="s">
        <v>65</v>
      </c>
      <c r="V123" s="9" t="s">
        <v>65</v>
      </c>
      <c r="W123" s="9" t="s">
        <v>67</v>
      </c>
      <c r="X123" s="9" t="s">
        <v>65</v>
      </c>
      <c r="Y123" s="9" t="s">
        <v>67</v>
      </c>
      <c r="Z123" s="9" t="s">
        <v>65</v>
      </c>
      <c r="AA123" s="9" t="s">
        <v>65</v>
      </c>
      <c r="AB123" s="9" t="s">
        <v>65</v>
      </c>
      <c r="AC123" s="9" t="s">
        <v>65</v>
      </c>
      <c r="AD123" s="9" t="s">
        <v>67</v>
      </c>
      <c r="AE123" s="9" t="s">
        <v>65</v>
      </c>
      <c r="AF123" s="9" t="s">
        <v>65</v>
      </c>
      <c r="AG123" s="9" t="s">
        <v>65</v>
      </c>
      <c r="AH123" s="9" t="s">
        <v>65</v>
      </c>
      <c r="AI123" s="9" t="s">
        <v>65</v>
      </c>
      <c r="AJ123" s="9" t="s">
        <v>65</v>
      </c>
      <c r="AK123" s="9" t="s">
        <v>65</v>
      </c>
      <c r="AL123" s="9" t="s">
        <v>65</v>
      </c>
      <c r="AM123" s="9" t="s">
        <v>65</v>
      </c>
      <c r="AN123" s="9" t="s">
        <v>67</v>
      </c>
      <c r="AO123" s="9" t="s">
        <v>65</v>
      </c>
      <c r="AP123" s="9" t="s">
        <v>65</v>
      </c>
      <c r="AQ123" s="9" t="s">
        <v>67</v>
      </c>
      <c r="AR123" s="9" t="s">
        <v>311</v>
      </c>
      <c r="AS123" s="9" t="s">
        <v>64</v>
      </c>
      <c r="AT123" s="9">
        <v>0</v>
      </c>
      <c r="AU123" s="9" t="s">
        <v>162</v>
      </c>
      <c r="AV123" s="9" t="s">
        <v>312</v>
      </c>
      <c r="AW123" s="9" t="s">
        <v>313</v>
      </c>
      <c r="AX123" s="9" t="s">
        <v>314</v>
      </c>
      <c r="AY123" s="9" t="s">
        <v>315</v>
      </c>
      <c r="AZ123" s="9" t="s">
        <v>316</v>
      </c>
    </row>
    <row r="124" spans="1:174" s="2" customFormat="1" ht="27" customHeight="1">
      <c r="A124" s="11">
        <v>2025</v>
      </c>
      <c r="B124" s="9">
        <v>628</v>
      </c>
      <c r="C124" s="10" t="s">
        <v>54</v>
      </c>
      <c r="D124" s="9" t="s">
        <v>55</v>
      </c>
      <c r="E124" s="9" t="s">
        <v>56</v>
      </c>
      <c r="F124" s="9" t="s">
        <v>57</v>
      </c>
      <c r="G124" s="9" t="s">
        <v>57</v>
      </c>
      <c r="H124" s="9" t="s">
        <v>58</v>
      </c>
      <c r="I124" s="2" t="s">
        <v>59</v>
      </c>
      <c r="J124" s="9">
        <v>0</v>
      </c>
      <c r="K124" s="9">
        <v>0</v>
      </c>
      <c r="L124" s="9">
        <v>0</v>
      </c>
      <c r="M124" s="9"/>
      <c r="N124" s="9" t="s">
        <v>60</v>
      </c>
      <c r="O124" s="9" t="s">
        <v>61</v>
      </c>
      <c r="P124" s="9" t="s">
        <v>62</v>
      </c>
      <c r="Q124" s="9" t="s">
        <v>63</v>
      </c>
      <c r="R124" s="9" t="s">
        <v>64</v>
      </c>
      <c r="S124" s="9">
        <v>0</v>
      </c>
      <c r="T124" s="9" t="s">
        <v>65</v>
      </c>
      <c r="U124" s="9" t="s">
        <v>66</v>
      </c>
      <c r="V124" s="9" t="s">
        <v>66</v>
      </c>
      <c r="W124" s="9" t="s">
        <v>67</v>
      </c>
      <c r="X124" s="9" t="s">
        <v>68</v>
      </c>
      <c r="Y124" s="9" t="s">
        <v>67</v>
      </c>
      <c r="Z124" s="9" t="s">
        <v>67</v>
      </c>
      <c r="AA124" s="9" t="s">
        <v>67</v>
      </c>
      <c r="AB124" s="9" t="s">
        <v>67</v>
      </c>
      <c r="AC124" s="9" t="s">
        <v>66</v>
      </c>
      <c r="AD124" s="9" t="s">
        <v>67</v>
      </c>
      <c r="AE124" s="9" t="s">
        <v>68</v>
      </c>
      <c r="AF124" s="9" t="s">
        <v>67</v>
      </c>
      <c r="AG124" s="9" t="s">
        <v>67</v>
      </c>
      <c r="AH124" s="9" t="s">
        <v>68</v>
      </c>
      <c r="AI124" s="9" t="s">
        <v>67</v>
      </c>
      <c r="AJ124" s="9" t="s">
        <v>67</v>
      </c>
      <c r="AK124" s="9" t="s">
        <v>67</v>
      </c>
      <c r="AL124" s="9" t="s">
        <v>67</v>
      </c>
      <c r="AM124" s="9" t="s">
        <v>66</v>
      </c>
      <c r="AN124" s="9" t="s">
        <v>67</v>
      </c>
      <c r="AO124" s="9" t="s">
        <v>68</v>
      </c>
      <c r="AP124" s="9" t="s">
        <v>67</v>
      </c>
      <c r="AQ124" s="9" t="s">
        <v>67</v>
      </c>
      <c r="AR124" s="9" t="s">
        <v>69</v>
      </c>
      <c r="AS124" s="9" t="s">
        <v>64</v>
      </c>
      <c r="AT124" s="9" t="s">
        <v>70</v>
      </c>
      <c r="AU124" s="11" t="s">
        <v>71</v>
      </c>
      <c r="AV124" s="9" t="s">
        <v>72</v>
      </c>
      <c r="AW124" s="9" t="s">
        <v>73</v>
      </c>
      <c r="AX124" s="9" t="s">
        <v>74</v>
      </c>
      <c r="AY124" s="9" t="s">
        <v>75</v>
      </c>
      <c r="AZ124" s="9" t="s">
        <v>76</v>
      </c>
    </row>
    <row r="125" spans="1:174" s="36" customFormat="1" ht="27" customHeight="1">
      <c r="A125" s="11">
        <v>2025</v>
      </c>
      <c r="B125" s="11">
        <v>353</v>
      </c>
      <c r="C125" s="10" t="s">
        <v>54</v>
      </c>
      <c r="D125" s="11" t="s">
        <v>55</v>
      </c>
      <c r="E125" s="11" t="s">
        <v>97</v>
      </c>
      <c r="F125" s="11" t="s">
        <v>98</v>
      </c>
      <c r="G125" s="11" t="s">
        <v>99</v>
      </c>
      <c r="H125" s="11" t="s">
        <v>100</v>
      </c>
      <c r="I125" s="13" t="s">
        <v>101</v>
      </c>
      <c r="J125" s="11">
        <v>0</v>
      </c>
      <c r="K125" s="11">
        <v>0</v>
      </c>
      <c r="L125" s="11">
        <v>0</v>
      </c>
      <c r="M125" s="11" t="s">
        <v>102</v>
      </c>
      <c r="N125" s="11" t="s">
        <v>103</v>
      </c>
      <c r="O125" s="11" t="s">
        <v>104</v>
      </c>
      <c r="P125" s="11" t="s">
        <v>105</v>
      </c>
      <c r="Q125" s="11" t="s">
        <v>106</v>
      </c>
      <c r="R125" s="11" t="s">
        <v>64</v>
      </c>
      <c r="S125" s="11">
        <v>0</v>
      </c>
      <c r="T125" s="11"/>
      <c r="U125" s="11" t="s">
        <v>66</v>
      </c>
      <c r="V125" s="11" t="s">
        <v>66</v>
      </c>
      <c r="W125" s="11" t="s">
        <v>67</v>
      </c>
      <c r="X125" s="11" t="s">
        <v>66</v>
      </c>
      <c r="Y125" s="11" t="s">
        <v>66</v>
      </c>
      <c r="Z125" s="11" t="s">
        <v>67</v>
      </c>
      <c r="AA125" s="11" t="s">
        <v>67</v>
      </c>
      <c r="AB125" s="11" t="s">
        <v>67</v>
      </c>
      <c r="AC125" s="11" t="s">
        <v>66</v>
      </c>
      <c r="AD125" s="11" t="s">
        <v>67</v>
      </c>
      <c r="AE125" s="11" t="s">
        <v>66</v>
      </c>
      <c r="AF125" s="11" t="s">
        <v>67</v>
      </c>
      <c r="AG125" s="11" t="s">
        <v>67</v>
      </c>
      <c r="AH125" s="11" t="s">
        <v>66</v>
      </c>
      <c r="AI125" s="11" t="s">
        <v>66</v>
      </c>
      <c r="AJ125" s="11" t="s">
        <v>67</v>
      </c>
      <c r="AK125" s="11" t="s">
        <v>67</v>
      </c>
      <c r="AL125" s="11" t="s">
        <v>67</v>
      </c>
      <c r="AM125" s="11" t="s">
        <v>66</v>
      </c>
      <c r="AN125" s="11" t="s">
        <v>67</v>
      </c>
      <c r="AO125" s="11" t="s">
        <v>66</v>
      </c>
      <c r="AP125" s="11" t="s">
        <v>67</v>
      </c>
      <c r="AQ125" s="11" t="s">
        <v>67</v>
      </c>
      <c r="AR125" s="11" t="s">
        <v>107</v>
      </c>
      <c r="AS125" s="11" t="s">
        <v>64</v>
      </c>
      <c r="AT125" s="11"/>
      <c r="AU125" s="11" t="s">
        <v>108</v>
      </c>
      <c r="AV125" s="11" t="s">
        <v>109</v>
      </c>
      <c r="AW125" s="11" t="s">
        <v>110</v>
      </c>
      <c r="AX125" s="11" t="s">
        <v>111</v>
      </c>
      <c r="AY125" s="11" t="s">
        <v>112</v>
      </c>
      <c r="AZ125" s="11" t="s">
        <v>113</v>
      </c>
      <c r="BA125" s="12"/>
      <c r="BB125" s="12"/>
      <c r="BC125" s="12"/>
      <c r="BD125" s="12"/>
      <c r="BE125" s="12"/>
      <c r="BF125" s="12"/>
      <c r="BG125" s="12"/>
      <c r="BH125" s="12"/>
      <c r="BI125" s="12"/>
      <c r="BJ125" s="12"/>
      <c r="BK125" s="12"/>
      <c r="BL125" s="12"/>
      <c r="BM125" s="12"/>
      <c r="BN125" s="12"/>
      <c r="BO125" s="12"/>
      <c r="BP125" s="12"/>
      <c r="BQ125" s="12"/>
      <c r="BR125" s="12"/>
      <c r="BS125" s="12"/>
      <c r="BT125" s="12"/>
      <c r="BU125" s="12"/>
      <c r="BV125" s="12"/>
      <c r="BW125" s="12"/>
      <c r="BX125" s="12"/>
      <c r="BY125" s="12"/>
      <c r="BZ125" s="12"/>
      <c r="CA125" s="12"/>
      <c r="CB125" s="12"/>
      <c r="CC125" s="12"/>
      <c r="CD125" s="12"/>
      <c r="CE125" s="12"/>
      <c r="CF125" s="12"/>
      <c r="CG125" s="12"/>
      <c r="CH125" s="12"/>
      <c r="CI125" s="12"/>
      <c r="CJ125" s="12"/>
      <c r="CK125" s="12"/>
      <c r="CL125" s="12"/>
      <c r="CM125" s="12"/>
      <c r="CN125" s="12"/>
      <c r="CO125" s="12"/>
      <c r="CP125" s="12"/>
      <c r="CQ125" s="12"/>
      <c r="CR125" s="12"/>
      <c r="CS125" s="12"/>
      <c r="CT125" s="12"/>
      <c r="CU125" s="12"/>
      <c r="CV125" s="12"/>
      <c r="CW125" s="12"/>
      <c r="CX125" s="12"/>
      <c r="CY125" s="12"/>
      <c r="CZ125" s="12"/>
      <c r="DA125" s="12"/>
      <c r="DB125" s="12"/>
      <c r="DC125" s="12"/>
      <c r="DD125" s="12"/>
      <c r="DE125" s="12"/>
      <c r="DF125" s="12"/>
      <c r="DG125" s="12"/>
      <c r="DH125" s="12"/>
      <c r="DI125" s="12"/>
      <c r="DJ125" s="12"/>
      <c r="DK125" s="12"/>
      <c r="DL125" s="12"/>
      <c r="DM125" s="12"/>
      <c r="DN125" s="12"/>
      <c r="DO125" s="12"/>
      <c r="DP125" s="12"/>
      <c r="DQ125" s="12"/>
      <c r="DR125" s="12"/>
      <c r="DS125" s="12"/>
      <c r="DT125" s="12"/>
      <c r="DU125" s="12"/>
      <c r="DV125" s="12"/>
      <c r="DW125" s="12"/>
      <c r="DX125" s="12"/>
      <c r="DY125" s="12"/>
      <c r="DZ125" s="12"/>
      <c r="EA125" s="12"/>
      <c r="EB125" s="12"/>
      <c r="EC125" s="12"/>
      <c r="ED125" s="12"/>
      <c r="EE125" s="12"/>
      <c r="EF125" s="12"/>
      <c r="EG125" s="12"/>
      <c r="EH125" s="12"/>
      <c r="EI125" s="12"/>
      <c r="EJ125" s="12"/>
      <c r="EK125" s="12"/>
      <c r="EL125" s="12"/>
      <c r="EM125" s="12"/>
      <c r="EN125" s="12"/>
      <c r="EO125" s="12"/>
      <c r="EP125" s="12"/>
      <c r="EQ125" s="12"/>
      <c r="ER125" s="12"/>
      <c r="ES125" s="12"/>
      <c r="ET125" s="12"/>
      <c r="EU125" s="12"/>
      <c r="EV125" s="12"/>
      <c r="EW125" s="12"/>
      <c r="EX125" s="12"/>
      <c r="EY125" s="12"/>
      <c r="EZ125" s="12"/>
      <c r="FA125" s="12"/>
      <c r="FB125" s="12"/>
      <c r="FC125" s="12"/>
      <c r="FD125" s="12"/>
      <c r="FE125" s="12"/>
      <c r="FF125" s="12"/>
      <c r="FG125" s="12"/>
      <c r="FH125" s="12"/>
      <c r="FI125" s="12"/>
      <c r="FJ125" s="12"/>
      <c r="FK125" s="12"/>
      <c r="FL125" s="12"/>
      <c r="FM125" s="12"/>
      <c r="FN125" s="12"/>
      <c r="FO125" s="12"/>
      <c r="FP125" s="12"/>
      <c r="FQ125" s="12"/>
      <c r="FR125" s="12"/>
    </row>
    <row r="126" spans="1:174" s="2" customFormat="1" ht="27" customHeight="1">
      <c r="A126" s="11">
        <v>2025</v>
      </c>
      <c r="B126" s="9">
        <v>234</v>
      </c>
      <c r="C126" s="10" t="s">
        <v>54</v>
      </c>
      <c r="D126" s="9" t="s">
        <v>55</v>
      </c>
      <c r="E126" s="9" t="s">
        <v>142</v>
      </c>
      <c r="F126" s="9" t="s">
        <v>143</v>
      </c>
      <c r="G126" s="9" t="s">
        <v>144</v>
      </c>
      <c r="H126" s="9" t="s">
        <v>145</v>
      </c>
      <c r="I126" s="13" t="s">
        <v>101</v>
      </c>
      <c r="J126" s="9">
        <v>0</v>
      </c>
      <c r="K126" s="9">
        <v>0</v>
      </c>
      <c r="L126" s="9">
        <v>0</v>
      </c>
      <c r="M126" s="9"/>
      <c r="N126" s="9" t="s">
        <v>146</v>
      </c>
      <c r="O126" s="9" t="s">
        <v>147</v>
      </c>
      <c r="P126" s="9" t="s">
        <v>148</v>
      </c>
      <c r="Q126" s="9" t="s">
        <v>121</v>
      </c>
      <c r="R126" s="9" t="s">
        <v>149</v>
      </c>
      <c r="S126" s="9" t="s">
        <v>150</v>
      </c>
      <c r="T126" s="9" t="s">
        <v>67</v>
      </c>
      <c r="U126" s="9" t="s">
        <v>67</v>
      </c>
      <c r="V126" s="9" t="s">
        <v>66</v>
      </c>
      <c r="W126" s="9" t="s">
        <v>67</v>
      </c>
      <c r="X126" s="9" t="s">
        <v>67</v>
      </c>
      <c r="Y126" s="9" t="s">
        <v>67</v>
      </c>
      <c r="Z126" s="9" t="s">
        <v>67</v>
      </c>
      <c r="AA126" s="9" t="s">
        <v>67</v>
      </c>
      <c r="AB126" s="9" t="s">
        <v>67</v>
      </c>
      <c r="AC126" s="9" t="s">
        <v>67</v>
      </c>
      <c r="AD126" s="9" t="s">
        <v>67</v>
      </c>
      <c r="AE126" s="9" t="s">
        <v>67</v>
      </c>
      <c r="AF126" s="9" t="s">
        <v>67</v>
      </c>
      <c r="AG126" s="9" t="s">
        <v>67</v>
      </c>
      <c r="AH126" s="9" t="s">
        <v>67</v>
      </c>
      <c r="AI126" s="9" t="s">
        <v>67</v>
      </c>
      <c r="AJ126" s="9" t="s">
        <v>66</v>
      </c>
      <c r="AK126" s="9" t="s">
        <v>67</v>
      </c>
      <c r="AL126" s="9" t="s">
        <v>66</v>
      </c>
      <c r="AM126" s="9" t="s">
        <v>66</v>
      </c>
      <c r="AN126" s="9" t="s">
        <v>67</v>
      </c>
      <c r="AO126" s="9" t="s">
        <v>67</v>
      </c>
      <c r="AP126" s="9" t="s">
        <v>67</v>
      </c>
      <c r="AQ126" s="9" t="s">
        <v>67</v>
      </c>
      <c r="AR126" s="9" t="s">
        <v>145</v>
      </c>
      <c r="AS126" s="9" t="s">
        <v>64</v>
      </c>
      <c r="AT126" s="9">
        <v>0</v>
      </c>
      <c r="AU126" s="9" t="s">
        <v>151</v>
      </c>
      <c r="AV126" s="9" t="s">
        <v>145</v>
      </c>
      <c r="AW126" s="9"/>
      <c r="AX126" s="9"/>
      <c r="AY126" s="9" t="s">
        <v>152</v>
      </c>
      <c r="AZ126" s="9" t="s">
        <v>153</v>
      </c>
    </row>
    <row r="127" spans="1:174" s="2" customFormat="1" ht="27" customHeight="1">
      <c r="A127" s="11">
        <v>2025</v>
      </c>
      <c r="B127" s="9">
        <v>488</v>
      </c>
      <c r="C127" s="10" t="s">
        <v>54</v>
      </c>
      <c r="D127" s="9" t="s">
        <v>55</v>
      </c>
      <c r="E127" s="9" t="s">
        <v>154</v>
      </c>
      <c r="F127" s="9" t="s">
        <v>155</v>
      </c>
      <c r="G127" s="9" t="s">
        <v>156</v>
      </c>
      <c r="H127" s="9" t="s">
        <v>157</v>
      </c>
      <c r="I127" s="9" t="s">
        <v>158</v>
      </c>
      <c r="J127" s="9">
        <v>0</v>
      </c>
      <c r="K127" s="9">
        <v>0</v>
      </c>
      <c r="L127" s="9">
        <v>0</v>
      </c>
      <c r="M127" s="9" t="s">
        <v>86</v>
      </c>
      <c r="N127" s="9" t="s">
        <v>159</v>
      </c>
      <c r="O127" s="9" t="s">
        <v>160</v>
      </c>
      <c r="P127" s="9" t="s">
        <v>62</v>
      </c>
      <c r="Q127" s="9" t="s">
        <v>121</v>
      </c>
      <c r="R127" s="9" t="s">
        <v>64</v>
      </c>
      <c r="S127" s="9">
        <v>0</v>
      </c>
      <c r="T127" s="9" t="s">
        <v>66</v>
      </c>
      <c r="U127" s="9" t="s">
        <v>68</v>
      </c>
      <c r="V127" s="9" t="s">
        <v>66</v>
      </c>
      <c r="W127" s="9" t="s">
        <v>68</v>
      </c>
      <c r="X127" s="9" t="s">
        <v>66</v>
      </c>
      <c r="Y127" s="9" t="s">
        <v>66</v>
      </c>
      <c r="Z127" s="9" t="s">
        <v>66</v>
      </c>
      <c r="AA127" s="9" t="s">
        <v>66</v>
      </c>
      <c r="AB127" s="9" t="s">
        <v>66</v>
      </c>
      <c r="AC127" s="9" t="s">
        <v>68</v>
      </c>
      <c r="AD127" s="9" t="s">
        <v>66</v>
      </c>
      <c r="AE127" s="9" t="s">
        <v>66</v>
      </c>
      <c r="AF127" s="9" t="s">
        <v>66</v>
      </c>
      <c r="AG127" s="9" t="s">
        <v>66</v>
      </c>
      <c r="AH127" s="9" t="s">
        <v>66</v>
      </c>
      <c r="AI127" s="9" t="s">
        <v>66</v>
      </c>
      <c r="AJ127" s="9" t="s">
        <v>66</v>
      </c>
      <c r="AK127" s="9" t="s">
        <v>66</v>
      </c>
      <c r="AL127" s="9" t="s">
        <v>66</v>
      </c>
      <c r="AM127" s="9" t="s">
        <v>68</v>
      </c>
      <c r="AN127" s="9" t="s">
        <v>66</v>
      </c>
      <c r="AO127" s="9" t="s">
        <v>66</v>
      </c>
      <c r="AP127" s="9" t="s">
        <v>66</v>
      </c>
      <c r="AQ127" s="9" t="s">
        <v>66</v>
      </c>
      <c r="AR127" s="9" t="s">
        <v>157</v>
      </c>
      <c r="AS127" s="9" t="s">
        <v>64</v>
      </c>
      <c r="AT127" s="9" t="s">
        <v>161</v>
      </c>
      <c r="AU127" s="9" t="s">
        <v>162</v>
      </c>
      <c r="AV127" s="9"/>
      <c r="AW127" s="9" t="s">
        <v>163</v>
      </c>
      <c r="AX127" s="9" t="s">
        <v>164</v>
      </c>
      <c r="AY127" s="9" t="s">
        <v>165</v>
      </c>
      <c r="AZ127" s="9" t="s">
        <v>166</v>
      </c>
    </row>
    <row r="128" spans="1:174" s="2" customFormat="1" ht="27" customHeight="1">
      <c r="A128" s="11">
        <v>2025</v>
      </c>
      <c r="B128" s="9">
        <v>119</v>
      </c>
      <c r="C128" s="10" t="s">
        <v>54</v>
      </c>
      <c r="D128" s="9" t="s">
        <v>55</v>
      </c>
      <c r="E128" s="9" t="s">
        <v>509</v>
      </c>
      <c r="F128" s="9" t="s">
        <v>510</v>
      </c>
      <c r="G128" s="9" t="s">
        <v>511</v>
      </c>
      <c r="H128" s="19" t="s">
        <v>512</v>
      </c>
      <c r="I128" s="9" t="s">
        <v>513</v>
      </c>
      <c r="J128" s="9">
        <v>0</v>
      </c>
      <c r="K128" s="9">
        <v>0</v>
      </c>
      <c r="L128" s="9">
        <v>0</v>
      </c>
      <c r="M128" s="9"/>
      <c r="N128" s="9" t="s">
        <v>514</v>
      </c>
      <c r="O128" s="9">
        <v>0</v>
      </c>
      <c r="P128" s="9">
        <v>0</v>
      </c>
      <c r="Q128" s="9" t="s">
        <v>121</v>
      </c>
      <c r="R128" s="9" t="s">
        <v>64</v>
      </c>
      <c r="S128" s="9" t="s">
        <v>515</v>
      </c>
      <c r="T128" s="9" t="s">
        <v>66</v>
      </c>
      <c r="U128" s="9" t="s">
        <v>66</v>
      </c>
      <c r="V128" s="9" t="s">
        <v>66</v>
      </c>
      <c r="W128" s="9" t="s">
        <v>67</v>
      </c>
      <c r="X128" s="9" t="s">
        <v>67</v>
      </c>
      <c r="Y128" s="9" t="s">
        <v>67</v>
      </c>
      <c r="Z128" s="9" t="s">
        <v>67</v>
      </c>
      <c r="AA128" s="9" t="s">
        <v>67</v>
      </c>
      <c r="AB128" s="9" t="s">
        <v>67</v>
      </c>
      <c r="AC128" s="9" t="s">
        <v>67</v>
      </c>
      <c r="AD128" s="9" t="s">
        <v>66</v>
      </c>
      <c r="AE128" s="9" t="s">
        <v>67</v>
      </c>
      <c r="AF128" s="9" t="s">
        <v>67</v>
      </c>
      <c r="AG128" s="9" t="s">
        <v>67</v>
      </c>
      <c r="AH128" s="9" t="s">
        <v>67</v>
      </c>
      <c r="AI128" s="9" t="s">
        <v>67</v>
      </c>
      <c r="AJ128" s="9" t="s">
        <v>67</v>
      </c>
      <c r="AK128" s="9" t="s">
        <v>67</v>
      </c>
      <c r="AL128" s="9" t="s">
        <v>67</v>
      </c>
      <c r="AM128" s="9" t="s">
        <v>67</v>
      </c>
      <c r="AN128" s="9" t="s">
        <v>66</v>
      </c>
      <c r="AO128" s="9" t="s">
        <v>67</v>
      </c>
      <c r="AP128" s="9" t="s">
        <v>67</v>
      </c>
      <c r="AQ128" s="9" t="s">
        <v>67</v>
      </c>
      <c r="AR128" s="19" t="s">
        <v>516</v>
      </c>
      <c r="AS128" s="9" t="s">
        <v>64</v>
      </c>
      <c r="AT128" s="9">
        <v>0</v>
      </c>
      <c r="AU128" s="9" t="s">
        <v>517</v>
      </c>
      <c r="AV128" s="26" t="s">
        <v>518</v>
      </c>
      <c r="AW128" s="28">
        <v>45583</v>
      </c>
      <c r="AX128" s="28">
        <v>45596</v>
      </c>
      <c r="AY128" s="28" t="s">
        <v>519</v>
      </c>
      <c r="AZ128" s="28">
        <v>45408</v>
      </c>
    </row>
    <row r="129" spans="1:174" s="46" customFormat="1" ht="27" customHeight="1">
      <c r="A129" s="11">
        <v>2025</v>
      </c>
      <c r="B129" s="9">
        <v>481</v>
      </c>
      <c r="C129" s="10" t="s">
        <v>54</v>
      </c>
      <c r="D129" s="9" t="s">
        <v>55</v>
      </c>
      <c r="E129" s="9" t="s">
        <v>532</v>
      </c>
      <c r="F129" s="9" t="s">
        <v>533</v>
      </c>
      <c r="G129" s="9" t="s">
        <v>534</v>
      </c>
      <c r="H129" s="9" t="s">
        <v>535</v>
      </c>
      <c r="I129" s="9" t="s">
        <v>536</v>
      </c>
      <c r="J129" s="9">
        <v>550</v>
      </c>
      <c r="K129" s="9">
        <v>6</v>
      </c>
      <c r="L129" s="9">
        <v>750</v>
      </c>
      <c r="M129" s="9">
        <v>0</v>
      </c>
      <c r="N129" s="9" t="s">
        <v>537</v>
      </c>
      <c r="O129" s="9" t="s">
        <v>538</v>
      </c>
      <c r="P129" s="9" t="s">
        <v>62</v>
      </c>
      <c r="Q129" s="9" t="s">
        <v>539</v>
      </c>
      <c r="R129" s="9" t="s">
        <v>64</v>
      </c>
      <c r="S129" s="9">
        <v>0</v>
      </c>
      <c r="T129" s="9" t="s">
        <v>65</v>
      </c>
      <c r="U129" s="9" t="s">
        <v>67</v>
      </c>
      <c r="V129" s="9" t="s">
        <v>65</v>
      </c>
      <c r="W129" s="9" t="s">
        <v>67</v>
      </c>
      <c r="X129" s="9" t="s">
        <v>67</v>
      </c>
      <c r="Y129" s="9" t="s">
        <v>67</v>
      </c>
      <c r="Z129" s="9" t="s">
        <v>67</v>
      </c>
      <c r="AA129" s="9" t="s">
        <v>67</v>
      </c>
      <c r="AB129" s="9" t="s">
        <v>67</v>
      </c>
      <c r="AC129" s="9" t="s">
        <v>65</v>
      </c>
      <c r="AD129" s="9" t="s">
        <v>67</v>
      </c>
      <c r="AE129" s="9" t="s">
        <v>67</v>
      </c>
      <c r="AF129" s="9" t="s">
        <v>67</v>
      </c>
      <c r="AG129" s="9" t="s">
        <v>67</v>
      </c>
      <c r="AH129" s="9" t="s">
        <v>67</v>
      </c>
      <c r="AI129" s="9" t="s">
        <v>67</v>
      </c>
      <c r="AJ129" s="9" t="s">
        <v>67</v>
      </c>
      <c r="AK129" s="9" t="s">
        <v>67</v>
      </c>
      <c r="AL129" s="9" t="s">
        <v>67</v>
      </c>
      <c r="AM129" s="9" t="s">
        <v>65</v>
      </c>
      <c r="AN129" s="9" t="s">
        <v>67</v>
      </c>
      <c r="AO129" s="9" t="s">
        <v>67</v>
      </c>
      <c r="AP129" s="9" t="s">
        <v>67</v>
      </c>
      <c r="AQ129" s="9" t="s">
        <v>67</v>
      </c>
      <c r="AR129" s="9" t="s">
        <v>535</v>
      </c>
      <c r="AS129" s="9" t="s">
        <v>64</v>
      </c>
      <c r="AT129" s="9">
        <v>0</v>
      </c>
      <c r="AU129" s="9" t="s">
        <v>162</v>
      </c>
      <c r="AV129" s="9" t="s">
        <v>540</v>
      </c>
      <c r="AW129" s="9" t="s">
        <v>541</v>
      </c>
      <c r="AX129" s="9" t="s">
        <v>542</v>
      </c>
      <c r="AY129" s="9" t="s">
        <v>96</v>
      </c>
      <c r="AZ129" s="9" t="s">
        <v>543</v>
      </c>
      <c r="BA129" s="2"/>
      <c r="BB129" s="2"/>
      <c r="BC129" s="2"/>
      <c r="BD129" s="2"/>
      <c r="BE129" s="2"/>
      <c r="BF129" s="2"/>
      <c r="BG129" s="2"/>
      <c r="BH129" s="2"/>
      <c r="BI129" s="2"/>
      <c r="BJ129" s="2"/>
      <c r="BK129" s="2"/>
      <c r="BL129" s="2"/>
      <c r="BM129" s="2"/>
      <c r="BN129" s="2"/>
      <c r="BO129" s="2"/>
      <c r="BP129" s="2"/>
      <c r="BQ129" s="2"/>
      <c r="BR129" s="2"/>
      <c r="BS129" s="2"/>
      <c r="BT129" s="2"/>
      <c r="BU129" s="2"/>
      <c r="BV129" s="2"/>
      <c r="BW129" s="2"/>
      <c r="BX129" s="2"/>
      <c r="BY129" s="2"/>
      <c r="BZ129" s="2"/>
      <c r="CA129" s="2"/>
      <c r="CB129" s="2"/>
      <c r="CC129" s="2"/>
      <c r="CD129" s="2"/>
      <c r="CE129" s="2"/>
      <c r="CF129" s="2"/>
      <c r="CG129" s="2"/>
      <c r="CH129" s="2"/>
      <c r="CI129" s="2"/>
      <c r="CJ129" s="2"/>
      <c r="CK129" s="2"/>
      <c r="CL129" s="2"/>
      <c r="CM129" s="2"/>
      <c r="CN129" s="2"/>
      <c r="CO129" s="2"/>
      <c r="CP129" s="2"/>
      <c r="CQ129" s="2"/>
      <c r="CR129" s="2"/>
      <c r="CS129" s="2"/>
      <c r="CT129" s="2"/>
      <c r="CU129" s="2"/>
      <c r="CV129" s="2"/>
      <c r="CW129" s="2"/>
      <c r="CX129" s="2"/>
      <c r="CY129" s="2"/>
      <c r="CZ129" s="2"/>
      <c r="DA129" s="2"/>
      <c r="DB129" s="2"/>
      <c r="DC129" s="2"/>
      <c r="DD129" s="2"/>
      <c r="DE129" s="2"/>
      <c r="DF129" s="2"/>
      <c r="DG129" s="2"/>
      <c r="DH129" s="2"/>
      <c r="DI129" s="2"/>
      <c r="DJ129" s="2"/>
      <c r="DK129" s="2"/>
      <c r="DL129" s="2"/>
      <c r="DM129" s="2"/>
      <c r="DN129" s="2"/>
      <c r="DO129" s="2"/>
      <c r="DP129" s="2"/>
      <c r="DQ129" s="2"/>
      <c r="DR129" s="2"/>
      <c r="DS129" s="2"/>
      <c r="DT129" s="2"/>
      <c r="DU129" s="2"/>
      <c r="DV129" s="2"/>
      <c r="DW129" s="2"/>
      <c r="DX129" s="2"/>
      <c r="DY129" s="2"/>
      <c r="DZ129" s="2"/>
      <c r="EA129" s="2"/>
      <c r="EB129" s="2"/>
      <c r="EC129" s="2"/>
      <c r="ED129" s="2"/>
      <c r="EE129" s="2"/>
      <c r="EF129" s="2"/>
      <c r="EG129" s="2"/>
      <c r="EH129" s="2"/>
      <c r="EI129" s="2"/>
      <c r="EJ129" s="2"/>
      <c r="EK129" s="2"/>
      <c r="EL129" s="2"/>
      <c r="EM129" s="2"/>
      <c r="EN129" s="2"/>
      <c r="EO129" s="2"/>
      <c r="EP129" s="2"/>
      <c r="EQ129" s="2"/>
      <c r="ER129" s="2"/>
      <c r="ES129" s="2"/>
      <c r="ET129" s="2"/>
      <c r="EU129" s="2"/>
      <c r="EV129" s="2"/>
      <c r="EW129" s="2"/>
      <c r="EX129" s="2"/>
      <c r="EY129" s="2"/>
      <c r="EZ129" s="2"/>
      <c r="FA129" s="2"/>
      <c r="FB129" s="2"/>
      <c r="FC129" s="2"/>
      <c r="FD129" s="2"/>
      <c r="FE129" s="2"/>
      <c r="FF129" s="2"/>
      <c r="FG129" s="2"/>
      <c r="FH129" s="2"/>
      <c r="FI129" s="2"/>
      <c r="FJ129" s="2"/>
      <c r="FK129" s="2"/>
      <c r="FL129" s="2"/>
      <c r="FM129" s="2"/>
      <c r="FN129" s="2"/>
      <c r="FO129" s="2"/>
      <c r="FP129" s="2"/>
      <c r="FQ129" s="2"/>
      <c r="FR129" s="2"/>
    </row>
    <row r="130" spans="1:174" s="47" customFormat="1" ht="27" customHeight="1">
      <c r="A130" s="11">
        <v>2025</v>
      </c>
      <c r="B130" s="9">
        <v>494</v>
      </c>
      <c r="C130" s="10" t="s">
        <v>54</v>
      </c>
      <c r="D130" s="9" t="s">
        <v>55</v>
      </c>
      <c r="E130" s="9" t="s">
        <v>544</v>
      </c>
      <c r="F130" s="9" t="s">
        <v>545</v>
      </c>
      <c r="G130" s="9" t="s">
        <v>546</v>
      </c>
      <c r="H130" s="9" t="s">
        <v>547</v>
      </c>
      <c r="I130" s="9" t="s">
        <v>548</v>
      </c>
      <c r="J130" s="9">
        <v>65</v>
      </c>
      <c r="K130" s="9">
        <v>5.5</v>
      </c>
      <c r="L130" s="9">
        <v>600</v>
      </c>
      <c r="M130" s="9">
        <v>0</v>
      </c>
      <c r="N130" s="9" t="s">
        <v>549</v>
      </c>
      <c r="O130" s="9" t="s">
        <v>62</v>
      </c>
      <c r="P130" s="9" t="s">
        <v>322</v>
      </c>
      <c r="Q130" s="9" t="s">
        <v>539</v>
      </c>
      <c r="R130" s="9" t="s">
        <v>64</v>
      </c>
      <c r="S130" s="9">
        <v>0</v>
      </c>
      <c r="T130" s="9" t="s">
        <v>65</v>
      </c>
      <c r="U130" s="9" t="s">
        <v>65</v>
      </c>
      <c r="V130" s="9" t="s">
        <v>65</v>
      </c>
      <c r="W130" s="9" t="s">
        <v>67</v>
      </c>
      <c r="X130" s="9" t="s">
        <v>67</v>
      </c>
      <c r="Y130" s="9" t="s">
        <v>67</v>
      </c>
      <c r="Z130" s="9" t="s">
        <v>67</v>
      </c>
      <c r="AA130" s="9"/>
      <c r="AB130" s="9"/>
      <c r="AC130" s="9" t="s">
        <v>65</v>
      </c>
      <c r="AD130" s="9" t="s">
        <v>67</v>
      </c>
      <c r="AE130" s="9" t="s">
        <v>65</v>
      </c>
      <c r="AF130" s="9"/>
      <c r="AG130" s="9"/>
      <c r="AH130" s="9" t="s">
        <v>67</v>
      </c>
      <c r="AI130" s="9" t="s">
        <v>67</v>
      </c>
      <c r="AJ130" s="9" t="s">
        <v>67</v>
      </c>
      <c r="AK130" s="9"/>
      <c r="AL130" s="9"/>
      <c r="AM130" s="9" t="s">
        <v>65</v>
      </c>
      <c r="AN130" s="9" t="s">
        <v>67</v>
      </c>
      <c r="AO130" s="9" t="s">
        <v>65</v>
      </c>
      <c r="AP130" s="9"/>
      <c r="AQ130" s="9" t="s">
        <v>67</v>
      </c>
      <c r="AR130" s="9" t="s">
        <v>550</v>
      </c>
      <c r="AS130" s="9" t="s">
        <v>64</v>
      </c>
      <c r="AT130" s="9" t="s">
        <v>551</v>
      </c>
      <c r="AU130" s="9" t="s">
        <v>162</v>
      </c>
      <c r="AV130" s="9" t="s">
        <v>552</v>
      </c>
      <c r="AW130" s="9" t="s">
        <v>553</v>
      </c>
      <c r="AX130" s="9" t="s">
        <v>164</v>
      </c>
      <c r="AY130" s="9" t="s">
        <v>554</v>
      </c>
      <c r="AZ130" s="9" t="s">
        <v>555</v>
      </c>
      <c r="BA130" s="2"/>
      <c r="BB130" s="2"/>
      <c r="BC130" s="2"/>
      <c r="BD130" s="2"/>
      <c r="BE130" s="2"/>
      <c r="BF130" s="2"/>
      <c r="BG130" s="2"/>
      <c r="BH130" s="2"/>
      <c r="BI130" s="2"/>
      <c r="BJ130" s="2"/>
      <c r="BK130" s="2"/>
      <c r="BL130" s="2"/>
      <c r="BM130" s="2"/>
      <c r="BN130" s="2"/>
      <c r="BO130" s="2"/>
      <c r="BP130" s="2"/>
      <c r="BQ130" s="2"/>
      <c r="BR130" s="2"/>
      <c r="BS130" s="2"/>
      <c r="BT130" s="2"/>
      <c r="BU130" s="2"/>
      <c r="BV130" s="2"/>
      <c r="BW130" s="2"/>
      <c r="BX130" s="2"/>
      <c r="BY130" s="2"/>
      <c r="BZ130" s="2"/>
      <c r="CA130" s="2"/>
      <c r="CB130" s="2"/>
      <c r="CC130" s="2"/>
      <c r="CD130" s="2"/>
      <c r="CE130" s="2"/>
      <c r="CF130" s="2"/>
      <c r="CG130" s="2"/>
      <c r="CH130" s="2"/>
      <c r="CI130" s="2"/>
      <c r="CJ130" s="2"/>
      <c r="CK130" s="2"/>
      <c r="CL130" s="2"/>
      <c r="CM130" s="2"/>
      <c r="CN130" s="2"/>
      <c r="CO130" s="2"/>
      <c r="CP130" s="2"/>
      <c r="CQ130" s="2"/>
      <c r="CR130" s="2"/>
      <c r="CS130" s="2"/>
      <c r="CT130" s="2"/>
      <c r="CU130" s="2"/>
      <c r="CV130" s="2"/>
      <c r="CW130" s="2"/>
      <c r="CX130" s="2"/>
      <c r="CY130" s="2"/>
      <c r="CZ130" s="2"/>
      <c r="DA130" s="2"/>
      <c r="DB130" s="2"/>
      <c r="DC130" s="2"/>
      <c r="DD130" s="2"/>
      <c r="DE130" s="2"/>
      <c r="DF130" s="2"/>
      <c r="DG130" s="2"/>
      <c r="DH130" s="2"/>
      <c r="DI130" s="2"/>
      <c r="DJ130" s="2"/>
      <c r="DK130" s="2"/>
      <c r="DL130" s="2"/>
      <c r="DM130" s="2"/>
      <c r="DN130" s="2"/>
      <c r="DO130" s="2"/>
      <c r="DP130" s="2"/>
      <c r="DQ130" s="2"/>
      <c r="DR130" s="2"/>
      <c r="DS130" s="2"/>
      <c r="DT130" s="2"/>
      <c r="DU130" s="2"/>
      <c r="DV130" s="2"/>
      <c r="DW130" s="2"/>
      <c r="DX130" s="2"/>
      <c r="DY130" s="2"/>
      <c r="DZ130" s="2"/>
      <c r="EA130" s="2"/>
      <c r="EB130" s="2"/>
      <c r="EC130" s="2"/>
      <c r="ED130" s="2"/>
      <c r="EE130" s="2"/>
      <c r="EF130" s="2"/>
      <c r="EG130" s="2"/>
      <c r="EH130" s="2"/>
      <c r="EI130" s="2"/>
      <c r="EJ130" s="2"/>
      <c r="EK130" s="2"/>
      <c r="EL130" s="2"/>
      <c r="EM130" s="2"/>
      <c r="EN130" s="2"/>
      <c r="EO130" s="2"/>
      <c r="EP130" s="2"/>
      <c r="EQ130" s="2"/>
      <c r="ER130" s="2"/>
      <c r="ES130" s="2"/>
      <c r="ET130" s="2"/>
      <c r="EU130" s="2"/>
      <c r="EV130" s="2"/>
      <c r="EW130" s="2"/>
      <c r="EX130" s="2"/>
      <c r="EY130" s="2"/>
      <c r="EZ130" s="2"/>
      <c r="FA130" s="2"/>
      <c r="FB130" s="2"/>
      <c r="FC130" s="2"/>
      <c r="FD130" s="2"/>
      <c r="FE130" s="2"/>
      <c r="FF130" s="2"/>
      <c r="FG130" s="2"/>
      <c r="FH130" s="2"/>
      <c r="FI130" s="2"/>
      <c r="FJ130" s="2"/>
      <c r="FK130" s="2"/>
      <c r="FL130" s="2"/>
      <c r="FM130" s="2"/>
      <c r="FN130" s="2"/>
      <c r="FO130" s="2"/>
      <c r="FP130" s="2"/>
      <c r="FQ130" s="2"/>
      <c r="FR130" s="2"/>
    </row>
    <row r="131" spans="1:174" s="45" customFormat="1" ht="27" customHeight="1">
      <c r="A131" s="11">
        <v>2025</v>
      </c>
      <c r="B131" s="9">
        <v>426</v>
      </c>
      <c r="C131" s="10" t="s">
        <v>54</v>
      </c>
      <c r="D131" s="9" t="s">
        <v>55</v>
      </c>
      <c r="E131" s="9" t="s">
        <v>509</v>
      </c>
      <c r="F131" s="9" t="s">
        <v>556</v>
      </c>
      <c r="G131" s="9" t="s">
        <v>557</v>
      </c>
      <c r="H131" s="9" t="s">
        <v>558</v>
      </c>
      <c r="I131" s="9" t="s">
        <v>559</v>
      </c>
      <c r="J131" s="9">
        <v>0</v>
      </c>
      <c r="K131" s="9">
        <v>0</v>
      </c>
      <c r="L131" s="9">
        <v>0</v>
      </c>
      <c r="M131" s="9">
        <v>0</v>
      </c>
      <c r="N131" s="9" t="s">
        <v>560</v>
      </c>
      <c r="O131" s="9" t="s">
        <v>561</v>
      </c>
      <c r="P131" s="9" t="s">
        <v>562</v>
      </c>
      <c r="Q131" s="9" t="s">
        <v>310</v>
      </c>
      <c r="R131" s="9" t="s">
        <v>64</v>
      </c>
      <c r="S131" s="9">
        <v>0</v>
      </c>
      <c r="T131" s="9" t="s">
        <v>65</v>
      </c>
      <c r="U131" s="9" t="s">
        <v>65</v>
      </c>
      <c r="V131" s="9" t="s">
        <v>65</v>
      </c>
      <c r="W131" s="9" t="s">
        <v>67</v>
      </c>
      <c r="X131" s="9" t="s">
        <v>67</v>
      </c>
      <c r="Y131" s="9" t="s">
        <v>67</v>
      </c>
      <c r="Z131" s="9" t="s">
        <v>67</v>
      </c>
      <c r="AA131" s="9" t="s">
        <v>65</v>
      </c>
      <c r="AB131" s="9" t="s">
        <v>65</v>
      </c>
      <c r="AC131" s="9" t="s">
        <v>65</v>
      </c>
      <c r="AD131" s="9" t="s">
        <v>67</v>
      </c>
      <c r="AE131" s="9" t="s">
        <v>67</v>
      </c>
      <c r="AF131" s="9" t="s">
        <v>65</v>
      </c>
      <c r="AG131" s="9" t="s">
        <v>65</v>
      </c>
      <c r="AH131" s="9" t="s">
        <v>65</v>
      </c>
      <c r="AI131" s="9" t="s">
        <v>67</v>
      </c>
      <c r="AJ131" s="9" t="s">
        <v>67</v>
      </c>
      <c r="AK131" s="9" t="s">
        <v>65</v>
      </c>
      <c r="AL131" s="9" t="s">
        <v>65</v>
      </c>
      <c r="AM131" s="9" t="s">
        <v>65</v>
      </c>
      <c r="AN131" s="9" t="s">
        <v>67</v>
      </c>
      <c r="AO131" s="9" t="s">
        <v>67</v>
      </c>
      <c r="AP131" s="9" t="s">
        <v>67</v>
      </c>
      <c r="AQ131" s="9" t="s">
        <v>65</v>
      </c>
      <c r="AR131" s="9" t="s">
        <v>558</v>
      </c>
      <c r="AS131" s="9" t="s">
        <v>64</v>
      </c>
      <c r="AT131" s="9">
        <v>0</v>
      </c>
      <c r="AU131" s="9" t="s">
        <v>162</v>
      </c>
      <c r="AV131" s="9" t="s">
        <v>563</v>
      </c>
      <c r="AW131" s="9" t="s">
        <v>564</v>
      </c>
      <c r="AX131" s="9" t="s">
        <v>565</v>
      </c>
      <c r="AY131" s="9" t="s">
        <v>566</v>
      </c>
      <c r="AZ131" s="9" t="s">
        <v>567</v>
      </c>
      <c r="BA131" s="2"/>
      <c r="BB131" s="2"/>
      <c r="BC131" s="2"/>
      <c r="BD131" s="2"/>
      <c r="BE131" s="2"/>
      <c r="BF131" s="2"/>
      <c r="BG131" s="2"/>
      <c r="BH131" s="2"/>
      <c r="BI131" s="2"/>
      <c r="BJ131" s="2"/>
      <c r="BK131" s="2"/>
      <c r="BL131" s="2"/>
      <c r="BM131" s="2"/>
      <c r="BN131" s="2"/>
      <c r="BO131" s="2"/>
      <c r="BP131" s="2"/>
      <c r="BQ131" s="2"/>
      <c r="BR131" s="2"/>
      <c r="BS131" s="2"/>
      <c r="BT131" s="2"/>
      <c r="BU131" s="2"/>
      <c r="BV131" s="2"/>
      <c r="BW131" s="2"/>
      <c r="BX131" s="2"/>
      <c r="BY131" s="2"/>
      <c r="BZ131" s="2"/>
      <c r="CA131" s="2"/>
      <c r="CB131" s="2"/>
      <c r="CC131" s="2"/>
      <c r="CD131" s="2"/>
      <c r="CE131" s="2"/>
      <c r="CF131" s="2"/>
      <c r="CG131" s="2"/>
      <c r="CH131" s="2"/>
      <c r="CI131" s="2"/>
      <c r="CJ131" s="2"/>
      <c r="CK131" s="2"/>
      <c r="CL131" s="2"/>
      <c r="CM131" s="2"/>
      <c r="CN131" s="2"/>
      <c r="CO131" s="2"/>
      <c r="CP131" s="2"/>
      <c r="CQ131" s="2"/>
      <c r="CR131" s="2"/>
      <c r="CS131" s="2"/>
      <c r="CT131" s="2"/>
      <c r="CU131" s="2"/>
      <c r="CV131" s="2"/>
      <c r="CW131" s="2"/>
      <c r="CX131" s="2"/>
      <c r="CY131" s="2"/>
      <c r="CZ131" s="2"/>
      <c r="DA131" s="2"/>
      <c r="DB131" s="2"/>
      <c r="DC131" s="2"/>
      <c r="DD131" s="2"/>
      <c r="DE131" s="2"/>
      <c r="DF131" s="2"/>
      <c r="DG131" s="2"/>
      <c r="DH131" s="2"/>
      <c r="DI131" s="2"/>
      <c r="DJ131" s="2"/>
      <c r="DK131" s="2"/>
      <c r="DL131" s="2"/>
      <c r="DM131" s="2"/>
      <c r="DN131" s="2"/>
      <c r="DO131" s="2"/>
      <c r="DP131" s="2"/>
      <c r="DQ131" s="2"/>
      <c r="DR131" s="2"/>
      <c r="DS131" s="2"/>
      <c r="DT131" s="2"/>
      <c r="DU131" s="2"/>
      <c r="DV131" s="2"/>
      <c r="DW131" s="2"/>
      <c r="DX131" s="2"/>
      <c r="DY131" s="2"/>
      <c r="DZ131" s="2"/>
      <c r="EA131" s="2"/>
      <c r="EB131" s="2"/>
      <c r="EC131" s="2"/>
      <c r="ED131" s="2"/>
      <c r="EE131" s="2"/>
      <c r="EF131" s="2"/>
      <c r="EG131" s="2"/>
      <c r="EH131" s="2"/>
      <c r="EI131" s="2"/>
      <c r="EJ131" s="2"/>
      <c r="EK131" s="2"/>
      <c r="EL131" s="2"/>
      <c r="EM131" s="2"/>
      <c r="EN131" s="2"/>
      <c r="EO131" s="2"/>
      <c r="EP131" s="2"/>
      <c r="EQ131" s="2"/>
      <c r="ER131" s="2"/>
      <c r="ES131" s="2"/>
      <c r="ET131" s="2"/>
      <c r="EU131" s="2"/>
      <c r="EV131" s="2"/>
      <c r="EW131" s="2"/>
      <c r="EX131" s="2"/>
      <c r="EY131" s="2"/>
      <c r="EZ131" s="2"/>
      <c r="FA131" s="2"/>
      <c r="FB131" s="2"/>
      <c r="FC131" s="2"/>
      <c r="FD131" s="2"/>
      <c r="FE131" s="2"/>
      <c r="FF131" s="2"/>
      <c r="FG131" s="2"/>
      <c r="FH131" s="2"/>
      <c r="FI131" s="2"/>
      <c r="FJ131" s="2"/>
      <c r="FK131" s="2"/>
      <c r="FL131" s="2"/>
      <c r="FM131" s="2"/>
      <c r="FN131" s="2"/>
      <c r="FO131" s="2"/>
      <c r="FP131" s="2"/>
      <c r="FQ131" s="2"/>
      <c r="FR131" s="2"/>
    </row>
    <row r="132" spans="1:174" s="47" customFormat="1" ht="27" customHeight="1">
      <c r="A132" s="11">
        <v>2025</v>
      </c>
      <c r="B132" s="9">
        <v>495</v>
      </c>
      <c r="C132" s="10" t="s">
        <v>54</v>
      </c>
      <c r="D132" s="9" t="s">
        <v>55</v>
      </c>
      <c r="E132" s="9" t="s">
        <v>609</v>
      </c>
      <c r="F132" s="9" t="s">
        <v>610</v>
      </c>
      <c r="G132" s="9" t="s">
        <v>611</v>
      </c>
      <c r="H132" s="9" t="s">
        <v>612</v>
      </c>
      <c r="I132" s="9" t="s">
        <v>613</v>
      </c>
      <c r="J132" s="9">
        <v>0</v>
      </c>
      <c r="K132" s="9">
        <v>0</v>
      </c>
      <c r="L132" s="9">
        <v>0</v>
      </c>
      <c r="M132" s="9">
        <v>0</v>
      </c>
      <c r="N132" s="9" t="s">
        <v>614</v>
      </c>
      <c r="O132" s="9" t="s">
        <v>615</v>
      </c>
      <c r="P132" s="9" t="s">
        <v>616</v>
      </c>
      <c r="Q132" s="9" t="s">
        <v>209</v>
      </c>
      <c r="R132" s="9" t="s">
        <v>64</v>
      </c>
      <c r="S132" s="9">
        <v>0</v>
      </c>
      <c r="T132" s="9" t="s">
        <v>67</v>
      </c>
      <c r="U132" s="9" t="s">
        <v>65</v>
      </c>
      <c r="V132" s="9" t="s">
        <v>65</v>
      </c>
      <c r="W132" s="9" t="s">
        <v>67</v>
      </c>
      <c r="X132" s="9" t="s">
        <v>67</v>
      </c>
      <c r="Y132" s="9" t="s">
        <v>67</v>
      </c>
      <c r="Z132" s="9" t="s">
        <v>67</v>
      </c>
      <c r="AA132" s="9" t="s">
        <v>67</v>
      </c>
      <c r="AB132" s="9" t="s">
        <v>67</v>
      </c>
      <c r="AC132" s="9" t="s">
        <v>65</v>
      </c>
      <c r="AD132" s="9" t="s">
        <v>67</v>
      </c>
      <c r="AE132" s="9" t="s">
        <v>67</v>
      </c>
      <c r="AF132" s="9" t="s">
        <v>65</v>
      </c>
      <c r="AG132" s="9" t="s">
        <v>67</v>
      </c>
      <c r="AH132" s="9" t="s">
        <v>67</v>
      </c>
      <c r="AI132" s="9" t="s">
        <v>67</v>
      </c>
      <c r="AJ132" s="9" t="s">
        <v>67</v>
      </c>
      <c r="AK132" s="9" t="s">
        <v>67</v>
      </c>
      <c r="AL132" s="9" t="s">
        <v>67</v>
      </c>
      <c r="AM132" s="9" t="s">
        <v>65</v>
      </c>
      <c r="AN132" s="9" t="s">
        <v>67</v>
      </c>
      <c r="AO132" s="9" t="s">
        <v>67</v>
      </c>
      <c r="AP132" s="9" t="s">
        <v>65</v>
      </c>
      <c r="AQ132" s="9" t="s">
        <v>67</v>
      </c>
      <c r="AR132" s="9" t="s">
        <v>617</v>
      </c>
      <c r="AS132" s="9" t="s">
        <v>64</v>
      </c>
      <c r="AT132" s="9" t="s">
        <v>618</v>
      </c>
      <c r="AU132" s="9" t="s">
        <v>151</v>
      </c>
      <c r="AV132" s="9" t="s">
        <v>619</v>
      </c>
      <c r="AW132" s="9" t="s">
        <v>620</v>
      </c>
      <c r="AX132" s="9" t="s">
        <v>621</v>
      </c>
      <c r="AY132" s="9" t="s">
        <v>622</v>
      </c>
      <c r="AZ132" s="9" t="s">
        <v>623</v>
      </c>
      <c r="BA132" s="2"/>
      <c r="BB132" s="2"/>
      <c r="BC132" s="2"/>
      <c r="BD132" s="2"/>
      <c r="BE132" s="2"/>
      <c r="BF132" s="2"/>
      <c r="BG132" s="2"/>
      <c r="BH132" s="2"/>
      <c r="BI132" s="2"/>
      <c r="BJ132" s="2"/>
      <c r="BK132" s="2"/>
      <c r="BL132" s="2"/>
      <c r="BM132" s="2"/>
      <c r="BN132" s="2"/>
      <c r="BO132" s="2"/>
      <c r="BP132" s="2"/>
      <c r="BQ132" s="2"/>
      <c r="BR132" s="2"/>
      <c r="BS132" s="2"/>
      <c r="BT132" s="2"/>
      <c r="BU132" s="2"/>
      <c r="BV132" s="2"/>
      <c r="BW132" s="2"/>
      <c r="BX132" s="2"/>
      <c r="BY132" s="2"/>
      <c r="BZ132" s="2"/>
      <c r="CA132" s="2"/>
      <c r="CB132" s="2"/>
      <c r="CC132" s="2"/>
      <c r="CD132" s="2"/>
      <c r="CE132" s="2"/>
      <c r="CF132" s="2"/>
      <c r="CG132" s="2"/>
      <c r="CH132" s="2"/>
      <c r="CI132" s="2"/>
      <c r="CJ132" s="2"/>
      <c r="CK132" s="2"/>
      <c r="CL132" s="2"/>
      <c r="CM132" s="2"/>
      <c r="CN132" s="2"/>
      <c r="CO132" s="2"/>
      <c r="CP132" s="2"/>
      <c r="CQ132" s="2"/>
      <c r="CR132" s="2"/>
      <c r="CS132" s="2"/>
      <c r="CT132" s="2"/>
      <c r="CU132" s="2"/>
      <c r="CV132" s="2"/>
      <c r="CW132" s="2"/>
      <c r="CX132" s="2"/>
      <c r="CY132" s="2"/>
      <c r="CZ132" s="2"/>
      <c r="DA132" s="2"/>
      <c r="DB132" s="2"/>
      <c r="DC132" s="2"/>
      <c r="DD132" s="2"/>
      <c r="DE132" s="2"/>
      <c r="DF132" s="2"/>
      <c r="DG132" s="2"/>
      <c r="DH132" s="2"/>
      <c r="DI132" s="2"/>
      <c r="DJ132" s="2"/>
      <c r="DK132" s="2"/>
      <c r="DL132" s="2"/>
      <c r="DM132" s="2"/>
      <c r="DN132" s="2"/>
      <c r="DO132" s="2"/>
      <c r="DP132" s="2"/>
      <c r="DQ132" s="2"/>
      <c r="DR132" s="2"/>
      <c r="DS132" s="2"/>
      <c r="DT132" s="2"/>
      <c r="DU132" s="2"/>
      <c r="DV132" s="2"/>
      <c r="DW132" s="2"/>
      <c r="DX132" s="2"/>
      <c r="DY132" s="2"/>
      <c r="DZ132" s="2"/>
      <c r="EA132" s="2"/>
      <c r="EB132" s="2"/>
      <c r="EC132" s="2"/>
      <c r="ED132" s="2"/>
      <c r="EE132" s="2"/>
      <c r="EF132" s="2"/>
      <c r="EG132" s="2"/>
      <c r="EH132" s="2"/>
      <c r="EI132" s="2"/>
      <c r="EJ132" s="2"/>
      <c r="EK132" s="2"/>
      <c r="EL132" s="2"/>
      <c r="EM132" s="2"/>
      <c r="EN132" s="2"/>
      <c r="EO132" s="2"/>
      <c r="EP132" s="2"/>
      <c r="EQ132" s="2"/>
      <c r="ER132" s="2"/>
      <c r="ES132" s="2"/>
      <c r="ET132" s="2"/>
      <c r="EU132" s="2"/>
      <c r="EV132" s="2"/>
      <c r="EW132" s="2"/>
      <c r="EX132" s="2"/>
      <c r="EY132" s="2"/>
      <c r="EZ132" s="2"/>
      <c r="FA132" s="2"/>
      <c r="FB132" s="2"/>
      <c r="FC132" s="2"/>
      <c r="FD132" s="2"/>
      <c r="FE132" s="2"/>
      <c r="FF132" s="2"/>
      <c r="FG132" s="2"/>
      <c r="FH132" s="2"/>
      <c r="FI132" s="2"/>
      <c r="FJ132" s="2"/>
      <c r="FK132" s="2"/>
      <c r="FL132" s="2"/>
      <c r="FM132" s="2"/>
      <c r="FN132" s="2"/>
      <c r="FO132" s="2"/>
      <c r="FP132" s="2"/>
      <c r="FQ132" s="2"/>
      <c r="FR132" s="2"/>
    </row>
    <row r="133" spans="1:174" s="2" customFormat="1" ht="27" customHeight="1">
      <c r="A133" s="11">
        <v>2025</v>
      </c>
      <c r="B133" s="9">
        <v>491</v>
      </c>
      <c r="C133" s="10" t="s">
        <v>54</v>
      </c>
      <c r="D133" s="9" t="s">
        <v>55</v>
      </c>
      <c r="E133" s="9" t="s">
        <v>750</v>
      </c>
      <c r="F133" s="9" t="s">
        <v>751</v>
      </c>
      <c r="G133" s="9" t="s">
        <v>752</v>
      </c>
      <c r="H133" s="9" t="s">
        <v>753</v>
      </c>
      <c r="I133" s="9" t="s">
        <v>754</v>
      </c>
      <c r="J133" s="9">
        <v>0</v>
      </c>
      <c r="K133" s="9">
        <v>0</v>
      </c>
      <c r="L133" s="9">
        <v>0</v>
      </c>
      <c r="M133" s="9" t="s">
        <v>196</v>
      </c>
      <c r="N133" s="9" t="s">
        <v>755</v>
      </c>
      <c r="O133" s="9" t="s">
        <v>756</v>
      </c>
      <c r="P133" s="9" t="s">
        <v>323</v>
      </c>
      <c r="Q133" s="9" t="s">
        <v>121</v>
      </c>
      <c r="R133" s="9" t="s">
        <v>64</v>
      </c>
      <c r="S133" s="9" t="s">
        <v>757</v>
      </c>
      <c r="T133" s="9" t="s">
        <v>66</v>
      </c>
      <c r="U133" s="9" t="s">
        <v>66</v>
      </c>
      <c r="V133" s="9" t="s">
        <v>66</v>
      </c>
      <c r="W133" s="9" t="s">
        <v>67</v>
      </c>
      <c r="X133" s="9" t="s">
        <v>66</v>
      </c>
      <c r="Y133" s="9" t="s">
        <v>67</v>
      </c>
      <c r="Z133" s="9" t="s">
        <v>66</v>
      </c>
      <c r="AA133" s="9" t="s">
        <v>66</v>
      </c>
      <c r="AB133" s="9" t="s">
        <v>67</v>
      </c>
      <c r="AC133" s="9" t="s">
        <v>67</v>
      </c>
      <c r="AD133" s="9" t="s">
        <v>67</v>
      </c>
      <c r="AE133" s="9" t="s">
        <v>67</v>
      </c>
      <c r="AF133" s="9" t="s">
        <v>67</v>
      </c>
      <c r="AG133" s="9" t="s">
        <v>66</v>
      </c>
      <c r="AH133" s="9" t="s">
        <v>66</v>
      </c>
      <c r="AI133" s="9" t="s">
        <v>67</v>
      </c>
      <c r="AJ133" s="9" t="s">
        <v>66</v>
      </c>
      <c r="AK133" s="9" t="s">
        <v>66</v>
      </c>
      <c r="AL133" s="9" t="s">
        <v>67</v>
      </c>
      <c r="AM133" s="9" t="s">
        <v>66</v>
      </c>
      <c r="AN133" s="9" t="s">
        <v>67</v>
      </c>
      <c r="AO133" s="9" t="s">
        <v>67</v>
      </c>
      <c r="AP133" s="9" t="s">
        <v>67</v>
      </c>
      <c r="AQ133" s="9" t="s">
        <v>66</v>
      </c>
      <c r="AR133" s="9" t="s">
        <v>753</v>
      </c>
      <c r="AS133" s="9" t="s">
        <v>64</v>
      </c>
      <c r="AT133" s="9">
        <v>0</v>
      </c>
      <c r="AU133" s="9" t="s">
        <v>162</v>
      </c>
      <c r="AV133" s="9" t="s">
        <v>269</v>
      </c>
      <c r="AW133" s="9" t="s">
        <v>758</v>
      </c>
      <c r="AX133" s="9" t="s">
        <v>759</v>
      </c>
      <c r="AY133" s="9" t="s">
        <v>760</v>
      </c>
      <c r="AZ133" s="9" t="s">
        <v>761</v>
      </c>
    </row>
    <row r="134" spans="1:174" s="2" customFormat="1" ht="27" customHeight="1">
      <c r="A134" s="11">
        <v>2025</v>
      </c>
      <c r="B134" s="9">
        <v>375</v>
      </c>
      <c r="C134" s="10" t="s">
        <v>54</v>
      </c>
      <c r="D134" s="9" t="s">
        <v>55</v>
      </c>
      <c r="E134" s="9" t="s">
        <v>509</v>
      </c>
      <c r="F134" s="9" t="s">
        <v>782</v>
      </c>
      <c r="G134" s="9" t="s">
        <v>783</v>
      </c>
      <c r="H134" s="9" t="s">
        <v>784</v>
      </c>
      <c r="I134" s="9" t="s">
        <v>785</v>
      </c>
      <c r="J134" s="9">
        <v>0</v>
      </c>
      <c r="K134" s="9">
        <v>0</v>
      </c>
      <c r="L134" s="9">
        <v>0</v>
      </c>
      <c r="M134" s="9" t="s">
        <v>86</v>
      </c>
      <c r="N134" s="9" t="s">
        <v>786</v>
      </c>
      <c r="O134" s="9" t="s">
        <v>787</v>
      </c>
      <c r="P134" s="9" t="s">
        <v>323</v>
      </c>
      <c r="Q134" s="9" t="s">
        <v>106</v>
      </c>
      <c r="R134" s="9" t="s">
        <v>64</v>
      </c>
      <c r="S134" s="9">
        <v>0</v>
      </c>
      <c r="T134" s="9" t="s">
        <v>66</v>
      </c>
      <c r="U134" s="9" t="s">
        <v>66</v>
      </c>
      <c r="V134" s="9" t="s">
        <v>66</v>
      </c>
      <c r="W134" s="9" t="s">
        <v>67</v>
      </c>
      <c r="X134" s="9" t="s">
        <v>67</v>
      </c>
      <c r="Y134" s="9" t="s">
        <v>67</v>
      </c>
      <c r="Z134" s="9" t="s">
        <v>67</v>
      </c>
      <c r="AA134" s="9" t="s">
        <v>67</v>
      </c>
      <c r="AB134" s="9" t="s">
        <v>66</v>
      </c>
      <c r="AC134" s="9" t="s">
        <v>66</v>
      </c>
      <c r="AD134" s="9" t="s">
        <v>67</v>
      </c>
      <c r="AE134" s="9" t="s">
        <v>67</v>
      </c>
      <c r="AF134" s="9" t="s">
        <v>67</v>
      </c>
      <c r="AG134" s="9" t="s">
        <v>67</v>
      </c>
      <c r="AH134" s="9" t="s">
        <v>67</v>
      </c>
      <c r="AI134" s="9" t="s">
        <v>67</v>
      </c>
      <c r="AJ134" s="9" t="s">
        <v>67</v>
      </c>
      <c r="AK134" s="9" t="s">
        <v>67</v>
      </c>
      <c r="AL134" s="9" t="s">
        <v>66</v>
      </c>
      <c r="AM134" s="9" t="s">
        <v>66</v>
      </c>
      <c r="AN134" s="9" t="s">
        <v>67</v>
      </c>
      <c r="AO134" s="9" t="s">
        <v>67</v>
      </c>
      <c r="AP134" s="9" t="s">
        <v>67</v>
      </c>
      <c r="AQ134" s="9" t="s">
        <v>67</v>
      </c>
      <c r="AR134" s="9" t="s">
        <v>788</v>
      </c>
      <c r="AS134" s="9" t="s">
        <v>64</v>
      </c>
      <c r="AT134" s="9">
        <v>0</v>
      </c>
      <c r="AU134" s="9" t="s">
        <v>151</v>
      </c>
      <c r="AV134" s="9" t="s">
        <v>789</v>
      </c>
      <c r="AW134" s="9" t="s">
        <v>352</v>
      </c>
      <c r="AX134" s="9" t="s">
        <v>790</v>
      </c>
      <c r="AY134" s="9" t="s">
        <v>354</v>
      </c>
      <c r="AZ134" s="9" t="s">
        <v>791</v>
      </c>
    </row>
    <row r="135" spans="1:174" s="2" customFormat="1" ht="27" customHeight="1">
      <c r="A135" s="11">
        <v>2025</v>
      </c>
      <c r="B135" s="9">
        <v>510</v>
      </c>
      <c r="C135" s="10" t="s">
        <v>54</v>
      </c>
      <c r="D135" s="9" t="s">
        <v>55</v>
      </c>
      <c r="E135" s="9" t="s">
        <v>509</v>
      </c>
      <c r="F135" s="9" t="s">
        <v>1172</v>
      </c>
      <c r="G135" s="9" t="s">
        <v>1173</v>
      </c>
      <c r="H135" s="9" t="s">
        <v>1174</v>
      </c>
      <c r="I135" s="9" t="s">
        <v>1175</v>
      </c>
      <c r="J135" s="9">
        <v>0</v>
      </c>
      <c r="K135" s="9">
        <v>0</v>
      </c>
      <c r="L135" s="9">
        <v>0</v>
      </c>
      <c r="M135" s="9"/>
      <c r="N135" s="9" t="s">
        <v>1176</v>
      </c>
      <c r="O135" s="9" t="s">
        <v>134</v>
      </c>
      <c r="P135" s="9" t="s">
        <v>323</v>
      </c>
      <c r="Q135" s="9" t="s">
        <v>121</v>
      </c>
      <c r="R135" s="9" t="s">
        <v>64</v>
      </c>
      <c r="S135" s="9">
        <v>0</v>
      </c>
      <c r="T135" s="9" t="s">
        <v>67</v>
      </c>
      <c r="U135" s="9" t="s">
        <v>66</v>
      </c>
      <c r="V135" s="9" t="s">
        <v>66</v>
      </c>
      <c r="W135" s="9" t="s">
        <v>67</v>
      </c>
      <c r="X135" s="9" t="s">
        <v>67</v>
      </c>
      <c r="Y135" s="9" t="s">
        <v>67</v>
      </c>
      <c r="Z135" s="9" t="s">
        <v>67</v>
      </c>
      <c r="AA135" s="9" t="s">
        <v>67</v>
      </c>
      <c r="AB135" s="9" t="s">
        <v>67</v>
      </c>
      <c r="AC135" s="9" t="s">
        <v>66</v>
      </c>
      <c r="AD135" s="9" t="s">
        <v>67</v>
      </c>
      <c r="AE135" s="9" t="s">
        <v>67</v>
      </c>
      <c r="AF135" s="9" t="s">
        <v>67</v>
      </c>
      <c r="AG135" s="9" t="s">
        <v>67</v>
      </c>
      <c r="AH135" s="9" t="s">
        <v>67</v>
      </c>
      <c r="AI135" s="9" t="s">
        <v>67</v>
      </c>
      <c r="AJ135" s="9" t="s">
        <v>67</v>
      </c>
      <c r="AK135" s="9" t="s">
        <v>67</v>
      </c>
      <c r="AL135" s="9" t="s">
        <v>67</v>
      </c>
      <c r="AM135" s="9" t="s">
        <v>66</v>
      </c>
      <c r="AN135" s="9" t="s">
        <v>67</v>
      </c>
      <c r="AO135" s="9" t="s">
        <v>67</v>
      </c>
      <c r="AP135" s="9" t="s">
        <v>67</v>
      </c>
      <c r="AQ135" s="9" t="s">
        <v>67</v>
      </c>
      <c r="AR135" s="9" t="s">
        <v>1174</v>
      </c>
      <c r="AS135" s="9" t="s">
        <v>64</v>
      </c>
      <c r="AT135" s="9">
        <v>0</v>
      </c>
      <c r="AU135" s="9" t="s">
        <v>151</v>
      </c>
      <c r="AV135" s="9" t="s">
        <v>1177</v>
      </c>
      <c r="AW135" s="9" t="s">
        <v>352</v>
      </c>
      <c r="AX135" s="9" t="s">
        <v>1178</v>
      </c>
      <c r="AY135" s="9" t="s">
        <v>815</v>
      </c>
      <c r="AZ135" s="9" t="s">
        <v>637</v>
      </c>
    </row>
    <row r="136" spans="1:174" s="2" customFormat="1" ht="27" customHeight="1">
      <c r="A136" s="11">
        <v>2025</v>
      </c>
      <c r="B136" s="9">
        <v>282</v>
      </c>
      <c r="C136" s="10" t="s">
        <v>54</v>
      </c>
      <c r="D136" s="9" t="s">
        <v>55</v>
      </c>
      <c r="E136" s="9" t="s">
        <v>142</v>
      </c>
      <c r="F136" s="9" t="s">
        <v>1321</v>
      </c>
      <c r="G136" s="9" t="s">
        <v>1322</v>
      </c>
      <c r="H136" s="9" t="s">
        <v>1323</v>
      </c>
      <c r="I136" s="9" t="s">
        <v>1324</v>
      </c>
      <c r="J136" s="9">
        <v>75</v>
      </c>
      <c r="K136" s="9">
        <v>0</v>
      </c>
      <c r="L136" s="9">
        <v>0</v>
      </c>
      <c r="M136" s="9" t="s">
        <v>86</v>
      </c>
      <c r="N136" s="9" t="s">
        <v>1325</v>
      </c>
      <c r="O136" s="9" t="s">
        <v>1326</v>
      </c>
      <c r="P136" s="9" t="s">
        <v>348</v>
      </c>
      <c r="Q136" s="9" t="s">
        <v>106</v>
      </c>
      <c r="R136" s="9" t="s">
        <v>64</v>
      </c>
      <c r="S136" s="9">
        <v>0</v>
      </c>
      <c r="T136" s="9" t="s">
        <v>66</v>
      </c>
      <c r="U136" s="9" t="s">
        <v>66</v>
      </c>
      <c r="V136" s="9" t="s">
        <v>67</v>
      </c>
      <c r="W136" s="9" t="s">
        <v>67</v>
      </c>
      <c r="X136" s="9" t="s">
        <v>66</v>
      </c>
      <c r="Y136" s="9" t="s">
        <v>67</v>
      </c>
      <c r="Z136" s="9" t="s">
        <v>66</v>
      </c>
      <c r="AA136" s="9" t="s">
        <v>67</v>
      </c>
      <c r="AB136" s="9" t="s">
        <v>67</v>
      </c>
      <c r="AC136" s="9" t="s">
        <v>67</v>
      </c>
      <c r="AD136" s="9" t="s">
        <v>67</v>
      </c>
      <c r="AE136" s="9" t="s">
        <v>67</v>
      </c>
      <c r="AF136" s="9" t="s">
        <v>67</v>
      </c>
      <c r="AG136" s="9" t="s">
        <v>67</v>
      </c>
      <c r="AH136" s="9" t="s">
        <v>66</v>
      </c>
      <c r="AI136" s="9" t="s">
        <v>67</v>
      </c>
      <c r="AJ136" s="9" t="s">
        <v>66</v>
      </c>
      <c r="AK136" s="9" t="s">
        <v>67</v>
      </c>
      <c r="AL136" s="9" t="s">
        <v>67</v>
      </c>
      <c r="AM136" s="9" t="s">
        <v>67</v>
      </c>
      <c r="AN136" s="9" t="s">
        <v>67</v>
      </c>
      <c r="AO136" s="9" t="s">
        <v>67</v>
      </c>
      <c r="AP136" s="9" t="s">
        <v>67</v>
      </c>
      <c r="AQ136" s="9" t="s">
        <v>67</v>
      </c>
      <c r="AR136" s="9" t="s">
        <v>1327</v>
      </c>
      <c r="AS136" s="9" t="s">
        <v>64</v>
      </c>
      <c r="AT136" s="9">
        <v>0</v>
      </c>
      <c r="AU136" s="9" t="s">
        <v>108</v>
      </c>
      <c r="AV136" s="9" t="s">
        <v>1328</v>
      </c>
      <c r="AW136" s="9" t="s">
        <v>1329</v>
      </c>
      <c r="AX136" s="9" t="s">
        <v>1330</v>
      </c>
      <c r="AY136" s="9" t="s">
        <v>1331</v>
      </c>
      <c r="AZ136" s="9" t="s">
        <v>1332</v>
      </c>
    </row>
    <row r="137" spans="1:174" s="36" customFormat="1" ht="27" customHeight="1">
      <c r="A137" s="11">
        <v>2025</v>
      </c>
      <c r="B137" s="9">
        <v>359</v>
      </c>
      <c r="C137" s="10" t="s">
        <v>54</v>
      </c>
      <c r="D137" s="9" t="s">
        <v>55</v>
      </c>
      <c r="E137" s="9" t="s">
        <v>1541</v>
      </c>
      <c r="F137" s="9" t="s">
        <v>1542</v>
      </c>
      <c r="G137" s="9" t="s">
        <v>1543</v>
      </c>
      <c r="H137" s="9" t="s">
        <v>1544</v>
      </c>
      <c r="I137" s="9" t="s">
        <v>1545</v>
      </c>
      <c r="J137" s="9">
        <v>87</v>
      </c>
      <c r="K137" s="9">
        <v>5</v>
      </c>
      <c r="L137" s="9">
        <v>785</v>
      </c>
      <c r="M137" s="9" t="s">
        <v>86</v>
      </c>
      <c r="N137" s="9" t="s">
        <v>67</v>
      </c>
      <c r="O137" s="9">
        <v>0</v>
      </c>
      <c r="P137" s="9" t="s">
        <v>62</v>
      </c>
      <c r="Q137" s="9" t="s">
        <v>89</v>
      </c>
      <c r="R137" s="9" t="s">
        <v>64</v>
      </c>
      <c r="S137" s="9">
        <v>0</v>
      </c>
      <c r="T137" s="9" t="s">
        <v>67</v>
      </c>
      <c r="U137" s="9" t="s">
        <v>67</v>
      </c>
      <c r="V137" s="9" t="s">
        <v>66</v>
      </c>
      <c r="W137" s="9" t="s">
        <v>67</v>
      </c>
      <c r="X137" s="9" t="s">
        <v>67</v>
      </c>
      <c r="Y137" s="9" t="s">
        <v>67</v>
      </c>
      <c r="Z137" s="9" t="s">
        <v>67</v>
      </c>
      <c r="AA137" s="9" t="s">
        <v>67</v>
      </c>
      <c r="AB137" s="9" t="s">
        <v>67</v>
      </c>
      <c r="AC137" s="9" t="s">
        <v>67</v>
      </c>
      <c r="AD137" s="9" t="s">
        <v>67</v>
      </c>
      <c r="AE137" s="9" t="s">
        <v>67</v>
      </c>
      <c r="AF137" s="9" t="s">
        <v>67</v>
      </c>
      <c r="AG137" s="9" t="s">
        <v>67</v>
      </c>
      <c r="AH137" s="9" t="s">
        <v>67</v>
      </c>
      <c r="AI137" s="9" t="s">
        <v>67</v>
      </c>
      <c r="AJ137" s="9" t="s">
        <v>67</v>
      </c>
      <c r="AK137" s="9" t="s">
        <v>67</v>
      </c>
      <c r="AL137" s="9" t="s">
        <v>67</v>
      </c>
      <c r="AM137" s="9" t="s">
        <v>66</v>
      </c>
      <c r="AN137" s="9" t="s">
        <v>67</v>
      </c>
      <c r="AO137" s="9" t="s">
        <v>67</v>
      </c>
      <c r="AP137" s="9" t="s">
        <v>67</v>
      </c>
      <c r="AQ137" s="9" t="s">
        <v>67</v>
      </c>
      <c r="AR137" s="9" t="s">
        <v>1544</v>
      </c>
      <c r="AS137" s="9" t="s">
        <v>64</v>
      </c>
      <c r="AT137" s="9" t="s">
        <v>1546</v>
      </c>
      <c r="AU137" s="9" t="s">
        <v>151</v>
      </c>
      <c r="AV137" s="9" t="s">
        <v>1547</v>
      </c>
      <c r="AW137" s="39" t="s">
        <v>1548</v>
      </c>
      <c r="AX137" s="9" t="s">
        <v>1549</v>
      </c>
      <c r="AY137" s="9" t="s">
        <v>1550</v>
      </c>
      <c r="AZ137" s="40" t="s">
        <v>1551</v>
      </c>
      <c r="BA137" s="2"/>
      <c r="BB137" s="2"/>
      <c r="BC137" s="2"/>
      <c r="BD137" s="2"/>
      <c r="BE137" s="2"/>
      <c r="BF137" s="2"/>
      <c r="BG137" s="2"/>
      <c r="BH137" s="2"/>
      <c r="BI137" s="2"/>
      <c r="BJ137" s="2"/>
      <c r="BK137" s="2"/>
      <c r="BL137" s="2"/>
      <c r="BM137" s="2"/>
      <c r="BN137" s="2"/>
      <c r="BO137" s="2"/>
      <c r="BP137" s="2"/>
      <c r="BQ137" s="2"/>
      <c r="BR137" s="2"/>
      <c r="BS137" s="2"/>
      <c r="BT137" s="2"/>
      <c r="BU137" s="2"/>
      <c r="BV137" s="2"/>
      <c r="BW137" s="2"/>
      <c r="BX137" s="2"/>
      <c r="BY137" s="2"/>
      <c r="BZ137" s="2"/>
      <c r="CA137" s="2"/>
      <c r="CB137" s="2"/>
      <c r="CC137" s="2"/>
      <c r="CD137" s="2"/>
      <c r="CE137" s="2"/>
      <c r="CF137" s="2"/>
      <c r="CG137" s="2"/>
      <c r="CH137" s="2"/>
      <c r="CI137" s="2"/>
      <c r="CJ137" s="2"/>
      <c r="CK137" s="2"/>
      <c r="CL137" s="2"/>
      <c r="CM137" s="2"/>
      <c r="CN137" s="2"/>
      <c r="CO137" s="2"/>
      <c r="CP137" s="2"/>
      <c r="CQ137" s="2"/>
      <c r="CR137" s="2"/>
      <c r="CS137" s="2"/>
      <c r="CT137" s="2"/>
      <c r="CU137" s="2"/>
      <c r="CV137" s="2"/>
      <c r="CW137" s="2"/>
      <c r="CX137" s="2"/>
      <c r="CY137" s="2"/>
      <c r="CZ137" s="2"/>
      <c r="DA137" s="2"/>
      <c r="DB137" s="2"/>
      <c r="DC137" s="2"/>
      <c r="DD137" s="2"/>
      <c r="DE137" s="2"/>
      <c r="DF137" s="2"/>
      <c r="DG137" s="2"/>
      <c r="DH137" s="2"/>
      <c r="DI137" s="2"/>
      <c r="DJ137" s="2"/>
      <c r="DK137" s="2"/>
      <c r="DL137" s="2"/>
      <c r="DM137" s="2"/>
      <c r="DN137" s="2"/>
      <c r="DO137" s="2"/>
      <c r="DP137" s="2"/>
      <c r="DQ137" s="2"/>
      <c r="DR137" s="2"/>
      <c r="DS137" s="2"/>
      <c r="DT137" s="2"/>
      <c r="DU137" s="2"/>
      <c r="DV137" s="2"/>
      <c r="DW137" s="2"/>
      <c r="DX137" s="2"/>
      <c r="DY137" s="2"/>
      <c r="DZ137" s="2"/>
      <c r="EA137" s="2"/>
      <c r="EB137" s="2"/>
      <c r="EC137" s="2"/>
      <c r="ED137" s="2"/>
      <c r="EE137" s="2"/>
      <c r="EF137" s="2"/>
      <c r="EG137" s="2"/>
      <c r="EH137" s="2"/>
      <c r="EI137" s="2"/>
      <c r="EJ137" s="2"/>
      <c r="EK137" s="2"/>
      <c r="EL137" s="2"/>
      <c r="EM137" s="2"/>
      <c r="EN137" s="2"/>
      <c r="EO137" s="2"/>
      <c r="EP137" s="2"/>
      <c r="EQ137" s="2"/>
      <c r="ER137" s="2"/>
      <c r="ES137" s="2"/>
      <c r="ET137" s="2"/>
      <c r="EU137" s="2"/>
      <c r="EV137" s="2"/>
      <c r="EW137" s="2"/>
      <c r="EX137" s="2"/>
      <c r="EY137" s="2"/>
      <c r="EZ137" s="2"/>
      <c r="FA137" s="2"/>
      <c r="FB137" s="2"/>
      <c r="FC137" s="2"/>
      <c r="FD137" s="2"/>
      <c r="FE137" s="2"/>
      <c r="FF137" s="2"/>
      <c r="FG137" s="2"/>
      <c r="FH137" s="2"/>
      <c r="FI137" s="2"/>
      <c r="FJ137" s="2"/>
      <c r="FK137" s="2"/>
      <c r="FL137" s="2"/>
      <c r="FM137" s="2"/>
      <c r="FN137" s="2"/>
      <c r="FO137" s="2"/>
      <c r="FP137" s="2"/>
      <c r="FQ137" s="2"/>
      <c r="FR137" s="2"/>
    </row>
    <row r="138" spans="1:174" s="47" customFormat="1" ht="27" customHeight="1">
      <c r="A138" s="11">
        <v>2025</v>
      </c>
      <c r="B138" s="9">
        <v>263</v>
      </c>
      <c r="C138" s="10" t="s">
        <v>54</v>
      </c>
      <c r="D138" s="9" t="s">
        <v>55</v>
      </c>
      <c r="E138" s="9" t="s">
        <v>1604</v>
      </c>
      <c r="F138" s="9" t="s">
        <v>1605</v>
      </c>
      <c r="G138" s="9" t="s">
        <v>1606</v>
      </c>
      <c r="H138" s="9" t="s">
        <v>1607</v>
      </c>
      <c r="I138" s="9" t="s">
        <v>1608</v>
      </c>
      <c r="J138" s="9">
        <v>0</v>
      </c>
      <c r="K138" s="9">
        <v>0</v>
      </c>
      <c r="L138" s="9">
        <v>0</v>
      </c>
      <c r="M138" s="9">
        <v>0</v>
      </c>
      <c r="N138" s="9" t="s">
        <v>1609</v>
      </c>
      <c r="O138" s="9" t="s">
        <v>1610</v>
      </c>
      <c r="P138" s="9" t="s">
        <v>323</v>
      </c>
      <c r="Q138" s="9" t="s">
        <v>209</v>
      </c>
      <c r="R138" s="9" t="s">
        <v>64</v>
      </c>
      <c r="S138" s="9" t="s">
        <v>1611</v>
      </c>
      <c r="T138" s="9" t="s">
        <v>65</v>
      </c>
      <c r="U138" s="9" t="s">
        <v>65</v>
      </c>
      <c r="V138" s="9" t="s">
        <v>65</v>
      </c>
      <c r="W138" s="9" t="s">
        <v>67</v>
      </c>
      <c r="X138" s="9" t="s">
        <v>65</v>
      </c>
      <c r="Y138" s="9" t="s">
        <v>67</v>
      </c>
      <c r="Z138" s="9" t="s">
        <v>67</v>
      </c>
      <c r="AA138" s="9" t="s">
        <v>65</v>
      </c>
      <c r="AB138" s="9" t="s">
        <v>65</v>
      </c>
      <c r="AC138" s="9" t="s">
        <v>65</v>
      </c>
      <c r="AD138" s="9" t="s">
        <v>67</v>
      </c>
      <c r="AE138" s="9" t="s">
        <v>67</v>
      </c>
      <c r="AF138" s="9" t="s">
        <v>67</v>
      </c>
      <c r="AG138" s="9" t="s">
        <v>67</v>
      </c>
      <c r="AH138" s="9" t="s">
        <v>65</v>
      </c>
      <c r="AI138" s="9" t="s">
        <v>67</v>
      </c>
      <c r="AJ138" s="9" t="s">
        <v>67</v>
      </c>
      <c r="AK138" s="9" t="s">
        <v>65</v>
      </c>
      <c r="AL138" s="9" t="s">
        <v>65</v>
      </c>
      <c r="AM138" s="9" t="s">
        <v>65</v>
      </c>
      <c r="AN138" s="9" t="s">
        <v>67</v>
      </c>
      <c r="AO138" s="9" t="s">
        <v>67</v>
      </c>
      <c r="AP138" s="9" t="s">
        <v>67</v>
      </c>
      <c r="AQ138" s="9" t="s">
        <v>67</v>
      </c>
      <c r="AR138" s="9" t="s">
        <v>1612</v>
      </c>
      <c r="AS138" s="9" t="s">
        <v>64</v>
      </c>
      <c r="AT138" s="9">
        <v>0</v>
      </c>
      <c r="AU138" s="9" t="s">
        <v>151</v>
      </c>
      <c r="AV138" s="9" t="s">
        <v>1613</v>
      </c>
      <c r="AW138" s="9" t="s">
        <v>1614</v>
      </c>
      <c r="AX138" s="9" t="s">
        <v>1281</v>
      </c>
      <c r="AY138" s="9" t="s">
        <v>1615</v>
      </c>
      <c r="AZ138" s="9" t="s">
        <v>1616</v>
      </c>
      <c r="BA138" s="2"/>
      <c r="BB138" s="2"/>
      <c r="BC138" s="2"/>
      <c r="BD138" s="2"/>
      <c r="BE138" s="2"/>
      <c r="BF138" s="2"/>
      <c r="BG138" s="2"/>
      <c r="BH138" s="2"/>
      <c r="BI138" s="2"/>
      <c r="BJ138" s="2"/>
      <c r="BK138" s="2"/>
      <c r="BL138" s="2"/>
      <c r="BM138" s="2"/>
      <c r="BN138" s="2"/>
      <c r="BO138" s="2"/>
      <c r="BP138" s="2"/>
      <c r="BQ138" s="2"/>
      <c r="BR138" s="2"/>
      <c r="BS138" s="2"/>
      <c r="BT138" s="2"/>
      <c r="BU138" s="2"/>
      <c r="BV138" s="2"/>
      <c r="BW138" s="2"/>
      <c r="BX138" s="2"/>
      <c r="BY138" s="2"/>
      <c r="BZ138" s="2"/>
      <c r="CA138" s="2"/>
      <c r="CB138" s="2"/>
      <c r="CC138" s="2"/>
      <c r="CD138" s="2"/>
      <c r="CE138" s="2"/>
      <c r="CF138" s="2"/>
      <c r="CG138" s="2"/>
      <c r="CH138" s="2"/>
      <c r="CI138" s="2"/>
      <c r="CJ138" s="2"/>
      <c r="CK138" s="2"/>
      <c r="CL138" s="2"/>
      <c r="CM138" s="2"/>
      <c r="CN138" s="2"/>
      <c r="CO138" s="2"/>
      <c r="CP138" s="2"/>
      <c r="CQ138" s="2"/>
      <c r="CR138" s="2"/>
      <c r="CS138" s="2"/>
      <c r="CT138" s="2"/>
      <c r="CU138" s="2"/>
      <c r="CV138" s="2"/>
      <c r="CW138" s="2"/>
      <c r="CX138" s="2"/>
      <c r="CY138" s="2"/>
      <c r="CZ138" s="2"/>
      <c r="DA138" s="2"/>
      <c r="DB138" s="2"/>
      <c r="DC138" s="2"/>
      <c r="DD138" s="2"/>
      <c r="DE138" s="2"/>
      <c r="DF138" s="2"/>
      <c r="DG138" s="2"/>
      <c r="DH138" s="2"/>
      <c r="DI138" s="2"/>
      <c r="DJ138" s="2"/>
      <c r="DK138" s="2"/>
      <c r="DL138" s="2"/>
      <c r="DM138" s="2"/>
      <c r="DN138" s="2"/>
      <c r="DO138" s="2"/>
      <c r="DP138" s="2"/>
      <c r="DQ138" s="2"/>
      <c r="DR138" s="2"/>
      <c r="DS138" s="2"/>
      <c r="DT138" s="2"/>
      <c r="DU138" s="2"/>
      <c r="DV138" s="2"/>
      <c r="DW138" s="2"/>
      <c r="DX138" s="2"/>
      <c r="DY138" s="2"/>
      <c r="DZ138" s="2"/>
      <c r="EA138" s="2"/>
      <c r="EB138" s="2"/>
      <c r="EC138" s="2"/>
      <c r="ED138" s="2"/>
      <c r="EE138" s="2"/>
      <c r="EF138" s="2"/>
      <c r="EG138" s="2"/>
      <c r="EH138" s="2"/>
      <c r="EI138" s="2"/>
      <c r="EJ138" s="2"/>
      <c r="EK138" s="2"/>
      <c r="EL138" s="2"/>
      <c r="EM138" s="2"/>
      <c r="EN138" s="2"/>
      <c r="EO138" s="2"/>
      <c r="EP138" s="2"/>
      <c r="EQ138" s="2"/>
      <c r="ER138" s="2"/>
      <c r="ES138" s="2"/>
      <c r="ET138" s="2"/>
      <c r="EU138" s="2"/>
      <c r="EV138" s="2"/>
      <c r="EW138" s="2"/>
      <c r="EX138" s="2"/>
      <c r="EY138" s="2"/>
      <c r="EZ138" s="2"/>
      <c r="FA138" s="2"/>
      <c r="FB138" s="2"/>
      <c r="FC138" s="2"/>
      <c r="FD138" s="2"/>
      <c r="FE138" s="2"/>
      <c r="FF138" s="2"/>
      <c r="FG138" s="2"/>
      <c r="FH138" s="2"/>
      <c r="FI138" s="2"/>
      <c r="FJ138" s="2"/>
      <c r="FK138" s="2"/>
      <c r="FL138" s="2"/>
      <c r="FM138" s="2"/>
      <c r="FN138" s="2"/>
      <c r="FO138" s="2"/>
      <c r="FP138" s="2"/>
      <c r="FQ138" s="2"/>
      <c r="FR138" s="2"/>
    </row>
    <row r="139" spans="1:174" s="2" customFormat="1" ht="27" customHeight="1">
      <c r="A139" s="11">
        <v>2025</v>
      </c>
      <c r="B139" s="9">
        <v>611</v>
      </c>
      <c r="C139" s="10" t="s">
        <v>54</v>
      </c>
      <c r="D139" s="9" t="s">
        <v>1665</v>
      </c>
      <c r="E139" s="9" t="s">
        <v>1666</v>
      </c>
      <c r="F139" s="9" t="s">
        <v>1667</v>
      </c>
      <c r="G139" s="9" t="s">
        <v>1668</v>
      </c>
      <c r="H139" s="9" t="s">
        <v>1669</v>
      </c>
      <c r="I139" s="9" t="s">
        <v>295</v>
      </c>
      <c r="J139" s="9">
        <v>0</v>
      </c>
      <c r="K139" s="9">
        <v>0</v>
      </c>
      <c r="L139" s="9">
        <v>0</v>
      </c>
      <c r="M139" s="9" t="s">
        <v>86</v>
      </c>
      <c r="N139" s="9" t="s">
        <v>1670</v>
      </c>
      <c r="O139" s="9" t="s">
        <v>538</v>
      </c>
      <c r="P139" s="9" t="s">
        <v>1670</v>
      </c>
      <c r="Q139" s="9" t="s">
        <v>121</v>
      </c>
      <c r="R139" s="9" t="s">
        <v>64</v>
      </c>
      <c r="S139" s="9">
        <v>0</v>
      </c>
      <c r="T139" s="9" t="s">
        <v>66</v>
      </c>
      <c r="U139" s="9" t="s">
        <v>66</v>
      </c>
      <c r="V139" s="9" t="s">
        <v>67</v>
      </c>
      <c r="W139" s="9" t="s">
        <v>67</v>
      </c>
      <c r="X139" s="9" t="s">
        <v>66</v>
      </c>
      <c r="Y139" s="9" t="s">
        <v>66</v>
      </c>
      <c r="Z139" s="9" t="s">
        <v>67</v>
      </c>
      <c r="AA139" s="9" t="s">
        <v>66</v>
      </c>
      <c r="AB139" s="9" t="s">
        <v>66</v>
      </c>
      <c r="AC139" s="9" t="s">
        <v>66</v>
      </c>
      <c r="AD139" s="9" t="s">
        <v>67</v>
      </c>
      <c r="AE139" s="9" t="s">
        <v>66</v>
      </c>
      <c r="AF139" s="9" t="s">
        <v>67</v>
      </c>
      <c r="AG139" s="9" t="s">
        <v>66</v>
      </c>
      <c r="AH139" s="9" t="s">
        <v>67</v>
      </c>
      <c r="AI139" s="9" t="s">
        <v>67</v>
      </c>
      <c r="AJ139" s="9" t="s">
        <v>67</v>
      </c>
      <c r="AK139" s="9" t="s">
        <v>67</v>
      </c>
      <c r="AL139" s="9" t="s">
        <v>67</v>
      </c>
      <c r="AM139" s="9" t="s">
        <v>67</v>
      </c>
      <c r="AN139" s="9" t="s">
        <v>67</v>
      </c>
      <c r="AO139" s="9" t="s">
        <v>67</v>
      </c>
      <c r="AP139" s="9" t="s">
        <v>67</v>
      </c>
      <c r="AQ139" s="9" t="s">
        <v>67</v>
      </c>
      <c r="AR139" s="9" t="s">
        <v>1669</v>
      </c>
      <c r="AS139" s="9" t="s">
        <v>64</v>
      </c>
      <c r="AT139" s="9">
        <v>0</v>
      </c>
      <c r="AU139" s="9" t="s">
        <v>151</v>
      </c>
      <c r="AV139" s="9" t="s">
        <v>1671</v>
      </c>
      <c r="AW139" s="9" t="s">
        <v>95</v>
      </c>
      <c r="AX139" s="9" t="s">
        <v>863</v>
      </c>
      <c r="AY139" s="9" t="s">
        <v>771</v>
      </c>
      <c r="AZ139" s="9" t="s">
        <v>1672</v>
      </c>
    </row>
    <row r="140" spans="1:174" s="2" customFormat="1" ht="27" customHeight="1">
      <c r="A140" s="11">
        <v>2025</v>
      </c>
      <c r="B140" s="9">
        <v>226</v>
      </c>
      <c r="C140" s="10" t="s">
        <v>54</v>
      </c>
      <c r="D140" s="9" t="s">
        <v>167</v>
      </c>
      <c r="E140" s="9" t="s">
        <v>168</v>
      </c>
      <c r="F140" s="9" t="s">
        <v>169</v>
      </c>
      <c r="G140" s="9" t="s">
        <v>170</v>
      </c>
      <c r="H140" s="9" t="s">
        <v>171</v>
      </c>
      <c r="I140" s="9" t="s">
        <v>172</v>
      </c>
      <c r="J140" s="9"/>
      <c r="K140" s="9"/>
      <c r="L140" s="9"/>
      <c r="M140" s="9"/>
      <c r="N140" s="9"/>
      <c r="O140" s="9" t="s">
        <v>62</v>
      </c>
      <c r="P140" s="9" t="s">
        <v>62</v>
      </c>
      <c r="Q140" s="9" t="s">
        <v>121</v>
      </c>
      <c r="R140" s="9" t="s">
        <v>64</v>
      </c>
      <c r="S140" s="9" t="s">
        <v>173</v>
      </c>
      <c r="T140" s="9" t="s">
        <v>66</v>
      </c>
      <c r="U140" s="9" t="s">
        <v>66</v>
      </c>
      <c r="V140" s="9" t="s">
        <v>66</v>
      </c>
      <c r="W140" s="9" t="s">
        <v>67</v>
      </c>
      <c r="X140" s="9" t="s">
        <v>68</v>
      </c>
      <c r="Y140" s="9" t="s">
        <v>66</v>
      </c>
      <c r="Z140" s="9" t="s">
        <v>66</v>
      </c>
      <c r="AA140" s="9" t="s">
        <v>66</v>
      </c>
      <c r="AB140" s="9" t="s">
        <v>66</v>
      </c>
      <c r="AC140" s="9" t="s">
        <v>66</v>
      </c>
      <c r="AD140" s="9" t="s">
        <v>66</v>
      </c>
      <c r="AE140" s="9" t="s">
        <v>66</v>
      </c>
      <c r="AF140" s="9" t="s">
        <v>66</v>
      </c>
      <c r="AG140" s="9" t="s">
        <v>66</v>
      </c>
      <c r="AH140" s="9" t="s">
        <v>66</v>
      </c>
      <c r="AI140" s="9" t="s">
        <v>66</v>
      </c>
      <c r="AJ140" s="9" t="s">
        <v>66</v>
      </c>
      <c r="AK140" s="9" t="s">
        <v>66</v>
      </c>
      <c r="AL140" s="9" t="s">
        <v>66</v>
      </c>
      <c r="AM140" s="9" t="s">
        <v>66</v>
      </c>
      <c r="AN140" s="9" t="s">
        <v>66</v>
      </c>
      <c r="AO140" s="9" t="s">
        <v>66</v>
      </c>
      <c r="AP140" s="9" t="s">
        <v>66</v>
      </c>
      <c r="AQ140" s="9" t="s">
        <v>66</v>
      </c>
      <c r="AR140" s="9" t="s">
        <v>174</v>
      </c>
      <c r="AS140" s="9" t="s">
        <v>64</v>
      </c>
      <c r="AT140" s="9">
        <v>0</v>
      </c>
      <c r="AU140" s="9" t="s">
        <v>108</v>
      </c>
      <c r="AV140" s="9" t="s">
        <v>175</v>
      </c>
      <c r="AW140" s="9" t="s">
        <v>176</v>
      </c>
      <c r="AX140" s="9" t="s">
        <v>177</v>
      </c>
      <c r="AY140" s="9" t="s">
        <v>178</v>
      </c>
      <c r="AZ140" s="9" t="s">
        <v>179</v>
      </c>
    </row>
    <row r="141" spans="1:174" s="2" customFormat="1" ht="27" customHeight="1">
      <c r="A141" s="11">
        <v>2025</v>
      </c>
      <c r="B141" s="9">
        <v>122</v>
      </c>
      <c r="C141" s="10" t="s">
        <v>54</v>
      </c>
      <c r="D141" s="9" t="s">
        <v>167</v>
      </c>
      <c r="E141" s="9" t="s">
        <v>317</v>
      </c>
      <c r="F141" s="9" t="s">
        <v>318</v>
      </c>
      <c r="G141" s="9" t="s">
        <v>319</v>
      </c>
      <c r="H141" s="9" t="s">
        <v>320</v>
      </c>
      <c r="I141" s="9" t="s">
        <v>295</v>
      </c>
      <c r="J141" s="9">
        <v>0</v>
      </c>
      <c r="K141" s="9">
        <v>0</v>
      </c>
      <c r="L141" s="9">
        <v>0</v>
      </c>
      <c r="M141" s="9" t="s">
        <v>86</v>
      </c>
      <c r="N141" s="9" t="s">
        <v>321</v>
      </c>
      <c r="O141" s="9" t="s">
        <v>322</v>
      </c>
      <c r="P141" s="9" t="s">
        <v>323</v>
      </c>
      <c r="Q141" s="9" t="s">
        <v>106</v>
      </c>
      <c r="R141" s="9" t="s">
        <v>64</v>
      </c>
      <c r="S141" s="9">
        <v>0</v>
      </c>
      <c r="T141" s="9" t="s">
        <v>66</v>
      </c>
      <c r="U141" s="9" t="s">
        <v>66</v>
      </c>
      <c r="V141" s="9" t="s">
        <v>66</v>
      </c>
      <c r="W141" s="9" t="s">
        <v>67</v>
      </c>
      <c r="X141" s="9" t="s">
        <v>66</v>
      </c>
      <c r="Y141" s="9" t="s">
        <v>67</v>
      </c>
      <c r="Z141" s="9" t="s">
        <v>66</v>
      </c>
      <c r="AA141" s="9" t="s">
        <v>66</v>
      </c>
      <c r="AB141" s="9" t="s">
        <v>66</v>
      </c>
      <c r="AC141" s="9" t="s">
        <v>66</v>
      </c>
      <c r="AD141" s="9" t="s">
        <v>67</v>
      </c>
      <c r="AE141" s="9" t="s">
        <v>67</v>
      </c>
      <c r="AF141" s="9" t="s">
        <v>67</v>
      </c>
      <c r="AG141" s="9" t="s">
        <v>67</v>
      </c>
      <c r="AH141" s="9" t="s">
        <v>66</v>
      </c>
      <c r="AI141" s="9" t="s">
        <v>67</v>
      </c>
      <c r="AJ141" s="9" t="s">
        <v>66</v>
      </c>
      <c r="AK141" s="9" t="s">
        <v>66</v>
      </c>
      <c r="AL141" s="9" t="s">
        <v>66</v>
      </c>
      <c r="AM141" s="9" t="s">
        <v>66</v>
      </c>
      <c r="AN141" s="9" t="s">
        <v>67</v>
      </c>
      <c r="AO141" s="9" t="s">
        <v>67</v>
      </c>
      <c r="AP141" s="9" t="s">
        <v>67</v>
      </c>
      <c r="AQ141" s="9" t="s">
        <v>67</v>
      </c>
      <c r="AR141" s="9" t="s">
        <v>324</v>
      </c>
      <c r="AS141" s="9" t="s">
        <v>64</v>
      </c>
      <c r="AT141" s="9">
        <v>0</v>
      </c>
      <c r="AU141" s="9" t="s">
        <v>108</v>
      </c>
      <c r="AV141" s="9" t="s">
        <v>325</v>
      </c>
      <c r="AW141" s="9" t="s">
        <v>326</v>
      </c>
      <c r="AX141" s="9" t="s">
        <v>327</v>
      </c>
      <c r="AY141" s="9" t="s">
        <v>328</v>
      </c>
      <c r="AZ141" s="9" t="s">
        <v>329</v>
      </c>
    </row>
    <row r="142" spans="1:174" s="47" customFormat="1" ht="27" customHeight="1">
      <c r="A142" s="11">
        <v>2025</v>
      </c>
      <c r="B142" s="9">
        <v>665</v>
      </c>
      <c r="C142" s="10" t="s">
        <v>54</v>
      </c>
      <c r="D142" s="9" t="s">
        <v>167</v>
      </c>
      <c r="E142" s="9" t="s">
        <v>1447</v>
      </c>
      <c r="F142" s="9" t="s">
        <v>1448</v>
      </c>
      <c r="G142" s="9" t="s">
        <v>1449</v>
      </c>
      <c r="H142" s="9" t="s">
        <v>1450</v>
      </c>
      <c r="I142" s="9" t="s">
        <v>1451</v>
      </c>
      <c r="J142" s="9">
        <v>0</v>
      </c>
      <c r="K142" s="9">
        <v>0</v>
      </c>
      <c r="L142" s="9">
        <v>0</v>
      </c>
      <c r="M142" s="9"/>
      <c r="N142" s="9" t="s">
        <v>285</v>
      </c>
      <c r="O142" s="9" t="s">
        <v>1358</v>
      </c>
      <c r="P142" s="9" t="s">
        <v>1452</v>
      </c>
      <c r="Q142" s="9" t="s">
        <v>121</v>
      </c>
      <c r="R142" s="9" t="s">
        <v>64</v>
      </c>
      <c r="S142" s="9" t="s">
        <v>269</v>
      </c>
      <c r="T142" s="9" t="s">
        <v>66</v>
      </c>
      <c r="U142" s="9" t="s">
        <v>66</v>
      </c>
      <c r="V142" s="9" t="s">
        <v>66</v>
      </c>
      <c r="W142" s="9" t="s">
        <v>67</v>
      </c>
      <c r="X142" s="9" t="s">
        <v>66</v>
      </c>
      <c r="Y142" s="9" t="s">
        <v>67</v>
      </c>
      <c r="Z142" s="9" t="s">
        <v>67</v>
      </c>
      <c r="AA142" s="9" t="s">
        <v>67</v>
      </c>
      <c r="AB142" s="9" t="s">
        <v>67</v>
      </c>
      <c r="AC142" s="9" t="s">
        <v>66</v>
      </c>
      <c r="AD142" s="9" t="s">
        <v>66</v>
      </c>
      <c r="AE142" s="9" t="s">
        <v>67</v>
      </c>
      <c r="AF142" s="9" t="s">
        <v>67</v>
      </c>
      <c r="AG142" s="9" t="s">
        <v>67</v>
      </c>
      <c r="AH142" s="9" t="s">
        <v>67</v>
      </c>
      <c r="AI142" s="9" t="s">
        <v>67</v>
      </c>
      <c r="AJ142" s="9" t="s">
        <v>67</v>
      </c>
      <c r="AK142" s="9" t="s">
        <v>67</v>
      </c>
      <c r="AL142" s="9" t="s">
        <v>67</v>
      </c>
      <c r="AM142" s="9" t="s">
        <v>67</v>
      </c>
      <c r="AN142" s="9" t="s">
        <v>66</v>
      </c>
      <c r="AO142" s="9" t="s">
        <v>67</v>
      </c>
      <c r="AP142" s="9" t="s">
        <v>67</v>
      </c>
      <c r="AQ142" s="9" t="s">
        <v>67</v>
      </c>
      <c r="AR142" s="9" t="s">
        <v>1450</v>
      </c>
      <c r="AS142" s="9" t="s">
        <v>64</v>
      </c>
      <c r="AT142" s="9" t="s">
        <v>1453</v>
      </c>
      <c r="AU142" s="9" t="s">
        <v>151</v>
      </c>
      <c r="AV142" s="9" t="s">
        <v>1450</v>
      </c>
      <c r="AW142" s="9" t="s">
        <v>111</v>
      </c>
      <c r="AX142" s="9" t="s">
        <v>1454</v>
      </c>
      <c r="AY142" s="9" t="s">
        <v>1455</v>
      </c>
      <c r="AZ142" s="9" t="s">
        <v>1456</v>
      </c>
      <c r="BA142" s="2"/>
      <c r="BB142" s="2"/>
      <c r="BC142" s="2"/>
      <c r="BD142" s="2"/>
      <c r="BE142" s="2"/>
      <c r="BF142" s="2"/>
      <c r="BG142" s="2"/>
      <c r="BH142" s="2"/>
      <c r="BI142" s="2"/>
      <c r="BJ142" s="2"/>
      <c r="BK142" s="2"/>
      <c r="BL142" s="2"/>
      <c r="BM142" s="2"/>
      <c r="BN142" s="2"/>
      <c r="BO142" s="2"/>
      <c r="BP142" s="2"/>
      <c r="BQ142" s="2"/>
      <c r="BR142" s="2"/>
      <c r="BS142" s="2"/>
      <c r="BT142" s="2"/>
      <c r="BU142" s="2"/>
      <c r="BV142" s="2"/>
      <c r="BW142" s="2"/>
      <c r="BX142" s="2"/>
      <c r="BY142" s="2"/>
      <c r="BZ142" s="2"/>
      <c r="CA142" s="2"/>
      <c r="CB142" s="2"/>
      <c r="CC142" s="2"/>
      <c r="CD142" s="2"/>
      <c r="CE142" s="2"/>
      <c r="CF142" s="2"/>
      <c r="CG142" s="2"/>
      <c r="CH142" s="2"/>
      <c r="CI142" s="2"/>
      <c r="CJ142" s="2"/>
      <c r="CK142" s="2"/>
      <c r="CL142" s="2"/>
      <c r="CM142" s="2"/>
      <c r="CN142" s="2"/>
      <c r="CO142" s="2"/>
      <c r="CP142" s="2"/>
      <c r="CQ142" s="2"/>
      <c r="CR142" s="2"/>
      <c r="CS142" s="2"/>
      <c r="CT142" s="2"/>
      <c r="CU142" s="2"/>
      <c r="CV142" s="2"/>
      <c r="CW142" s="2"/>
      <c r="CX142" s="2"/>
      <c r="CY142" s="2"/>
      <c r="CZ142" s="2"/>
      <c r="DA142" s="2"/>
      <c r="DB142" s="2"/>
      <c r="DC142" s="2"/>
      <c r="DD142" s="2"/>
      <c r="DE142" s="2"/>
      <c r="DF142" s="2"/>
      <c r="DG142" s="2"/>
      <c r="DH142" s="2"/>
      <c r="DI142" s="2"/>
      <c r="DJ142" s="2"/>
      <c r="DK142" s="2"/>
      <c r="DL142" s="2"/>
      <c r="DM142" s="2"/>
      <c r="DN142" s="2"/>
      <c r="DO142" s="2"/>
      <c r="DP142" s="2"/>
      <c r="DQ142" s="2"/>
      <c r="DR142" s="2"/>
      <c r="DS142" s="2"/>
      <c r="DT142" s="2"/>
      <c r="DU142" s="2"/>
      <c r="DV142" s="2"/>
      <c r="DW142" s="2"/>
      <c r="DX142" s="2"/>
      <c r="DY142" s="2"/>
      <c r="DZ142" s="2"/>
      <c r="EA142" s="2"/>
      <c r="EB142" s="2"/>
      <c r="EC142" s="2"/>
      <c r="ED142" s="2"/>
      <c r="EE142" s="2"/>
      <c r="EF142" s="2"/>
      <c r="EG142" s="2"/>
      <c r="EH142" s="2"/>
      <c r="EI142" s="2"/>
      <c r="EJ142" s="2"/>
      <c r="EK142" s="2"/>
      <c r="EL142" s="2"/>
      <c r="EM142" s="2"/>
      <c r="EN142" s="2"/>
      <c r="EO142" s="2"/>
      <c r="EP142" s="2"/>
      <c r="EQ142" s="2"/>
      <c r="ER142" s="2"/>
      <c r="ES142" s="2"/>
      <c r="ET142" s="2"/>
      <c r="EU142" s="2"/>
      <c r="EV142" s="2"/>
      <c r="EW142" s="2"/>
      <c r="EX142" s="2"/>
      <c r="EY142" s="2"/>
      <c r="EZ142" s="2"/>
      <c r="FA142" s="2"/>
      <c r="FB142" s="2"/>
      <c r="FC142" s="2"/>
      <c r="FD142" s="2"/>
      <c r="FE142" s="2"/>
      <c r="FF142" s="2"/>
      <c r="FG142" s="2"/>
      <c r="FH142" s="2"/>
      <c r="FI142" s="2"/>
      <c r="FJ142" s="2"/>
      <c r="FK142" s="2"/>
      <c r="FL142" s="2"/>
      <c r="FM142" s="2"/>
      <c r="FN142" s="2"/>
      <c r="FO142" s="2"/>
      <c r="FP142" s="2"/>
      <c r="FQ142" s="2"/>
      <c r="FR142" s="2"/>
    </row>
    <row r="143" spans="1:174" s="2" customFormat="1" ht="27" customHeight="1">
      <c r="A143" s="11">
        <v>2025</v>
      </c>
      <c r="B143" s="9">
        <v>355</v>
      </c>
      <c r="C143" s="10" t="s">
        <v>54</v>
      </c>
      <c r="D143" s="9" t="s">
        <v>167</v>
      </c>
      <c r="E143" s="9" t="s">
        <v>1682</v>
      </c>
      <c r="F143" s="9" t="s">
        <v>1683</v>
      </c>
      <c r="G143" s="9" t="s">
        <v>1684</v>
      </c>
      <c r="H143" s="9" t="s">
        <v>1685</v>
      </c>
      <c r="I143" s="9" t="s">
        <v>1686</v>
      </c>
      <c r="J143" s="9">
        <v>80</v>
      </c>
      <c r="K143" s="9">
        <v>6</v>
      </c>
      <c r="L143" s="9">
        <v>605</v>
      </c>
      <c r="M143" s="9">
        <v>0</v>
      </c>
      <c r="N143" s="9" t="s">
        <v>1687</v>
      </c>
      <c r="O143" s="9" t="s">
        <v>70</v>
      </c>
      <c r="P143" s="9" t="s">
        <v>1688</v>
      </c>
      <c r="Q143" s="9" t="s">
        <v>539</v>
      </c>
      <c r="R143" s="9" t="s">
        <v>64</v>
      </c>
      <c r="S143" s="9">
        <v>0</v>
      </c>
      <c r="T143" s="9" t="s">
        <v>65</v>
      </c>
      <c r="U143" s="9" t="s">
        <v>65</v>
      </c>
      <c r="V143" s="9" t="s">
        <v>65</v>
      </c>
      <c r="W143" s="9" t="s">
        <v>67</v>
      </c>
      <c r="X143" s="9" t="s">
        <v>67</v>
      </c>
      <c r="Y143" s="9" t="s">
        <v>65</v>
      </c>
      <c r="Z143" s="9" t="s">
        <v>67</v>
      </c>
      <c r="AA143" s="9" t="s">
        <v>67</v>
      </c>
      <c r="AB143" s="9" t="s">
        <v>67</v>
      </c>
      <c r="AC143" s="9" t="s">
        <v>65</v>
      </c>
      <c r="AD143" s="9" t="s">
        <v>65</v>
      </c>
      <c r="AE143" s="9" t="s">
        <v>65</v>
      </c>
      <c r="AF143" s="9" t="s">
        <v>67</v>
      </c>
      <c r="AG143" s="9" t="s">
        <v>67</v>
      </c>
      <c r="AH143" s="9" t="s">
        <v>67</v>
      </c>
      <c r="AI143" s="9" t="s">
        <v>65</v>
      </c>
      <c r="AJ143" s="9" t="s">
        <v>67</v>
      </c>
      <c r="AK143" s="9" t="s">
        <v>67</v>
      </c>
      <c r="AL143" s="9" t="s">
        <v>67</v>
      </c>
      <c r="AM143" s="9" t="s">
        <v>65</v>
      </c>
      <c r="AN143" s="9" t="s">
        <v>65</v>
      </c>
      <c r="AO143" s="9" t="s">
        <v>65</v>
      </c>
      <c r="AP143" s="9" t="s">
        <v>67</v>
      </c>
      <c r="AQ143" s="9" t="s">
        <v>67</v>
      </c>
      <c r="AR143" s="9" t="s">
        <v>1689</v>
      </c>
      <c r="AS143" s="9" t="s">
        <v>64</v>
      </c>
      <c r="AT143" s="9">
        <v>0</v>
      </c>
      <c r="AU143" s="9" t="s">
        <v>108</v>
      </c>
      <c r="AV143" s="9" t="s">
        <v>1690</v>
      </c>
      <c r="AW143" s="9" t="s">
        <v>1691</v>
      </c>
      <c r="AX143" s="9" t="s">
        <v>1692</v>
      </c>
      <c r="AY143" s="9" t="s">
        <v>1693</v>
      </c>
      <c r="AZ143" s="9" t="s">
        <v>1694</v>
      </c>
    </row>
    <row r="144" spans="1:174" s="47" customFormat="1" ht="27" customHeight="1">
      <c r="A144" s="11">
        <v>2025</v>
      </c>
      <c r="B144" s="9">
        <v>228</v>
      </c>
      <c r="C144" s="10" t="s">
        <v>54</v>
      </c>
      <c r="D144" s="9" t="s">
        <v>167</v>
      </c>
      <c r="E144" s="9" t="s">
        <v>1730</v>
      </c>
      <c r="F144" s="9" t="s">
        <v>1731</v>
      </c>
      <c r="G144" s="9" t="s">
        <v>1732</v>
      </c>
      <c r="H144" s="9" t="s">
        <v>1733</v>
      </c>
      <c r="I144" s="2" t="s">
        <v>1734</v>
      </c>
      <c r="J144" s="9">
        <v>0</v>
      </c>
      <c r="K144" s="9">
        <v>0</v>
      </c>
      <c r="L144" s="9">
        <v>0</v>
      </c>
      <c r="M144" s="9">
        <v>0</v>
      </c>
      <c r="N144" s="9" t="s">
        <v>1735</v>
      </c>
      <c r="O144" s="9" t="s">
        <v>1736</v>
      </c>
      <c r="P144" s="9" t="s">
        <v>348</v>
      </c>
      <c r="Q144" s="9" t="s">
        <v>310</v>
      </c>
      <c r="R144" s="9" t="s">
        <v>64</v>
      </c>
      <c r="S144" s="9">
        <v>0</v>
      </c>
      <c r="T144" s="9" t="s">
        <v>65</v>
      </c>
      <c r="U144" s="9" t="s">
        <v>65</v>
      </c>
      <c r="V144" s="9" t="s">
        <v>65</v>
      </c>
      <c r="W144" s="9" t="s">
        <v>65</v>
      </c>
      <c r="X144" s="9" t="s">
        <v>65</v>
      </c>
      <c r="Y144" s="9" t="s">
        <v>65</v>
      </c>
      <c r="Z144" s="9" t="s">
        <v>65</v>
      </c>
      <c r="AA144" s="9" t="s">
        <v>65</v>
      </c>
      <c r="AB144" s="9" t="s">
        <v>65</v>
      </c>
      <c r="AC144" s="9" t="s">
        <v>65</v>
      </c>
      <c r="AD144" s="9" t="s">
        <v>65</v>
      </c>
      <c r="AE144" s="9" t="s">
        <v>65</v>
      </c>
      <c r="AF144" s="9" t="s">
        <v>65</v>
      </c>
      <c r="AG144" s="9" t="s">
        <v>65</v>
      </c>
      <c r="AH144" s="9" t="s">
        <v>65</v>
      </c>
      <c r="AI144" s="9" t="s">
        <v>65</v>
      </c>
      <c r="AJ144" s="9" t="s">
        <v>65</v>
      </c>
      <c r="AK144" s="9" t="s">
        <v>65</v>
      </c>
      <c r="AL144" s="9" t="s">
        <v>65</v>
      </c>
      <c r="AM144" s="9" t="s">
        <v>65</v>
      </c>
      <c r="AN144" s="9" t="s">
        <v>65</v>
      </c>
      <c r="AO144" s="9" t="s">
        <v>65</v>
      </c>
      <c r="AP144" s="9" t="s">
        <v>65</v>
      </c>
      <c r="AQ144" s="9" t="s">
        <v>67</v>
      </c>
      <c r="AR144" s="9" t="s">
        <v>1737</v>
      </c>
      <c r="AS144" s="9" t="s">
        <v>64</v>
      </c>
      <c r="AT144" s="9" t="s">
        <v>269</v>
      </c>
      <c r="AU144" s="9" t="s">
        <v>151</v>
      </c>
      <c r="AV144" s="9" t="s">
        <v>1738</v>
      </c>
      <c r="AW144" s="9">
        <v>1.1100000000000001</v>
      </c>
      <c r="AX144" s="9">
        <v>15.11</v>
      </c>
      <c r="AY144" s="9">
        <v>1.05</v>
      </c>
      <c r="AZ144" s="9">
        <v>15.05</v>
      </c>
      <c r="BA144" s="2"/>
      <c r="BB144" s="48"/>
      <c r="BC144" s="48"/>
      <c r="BD144" s="48"/>
      <c r="BE144" s="48"/>
      <c r="BF144" s="48"/>
      <c r="BG144" s="48"/>
      <c r="BH144" s="48"/>
      <c r="BI144" s="48"/>
      <c r="BJ144" s="48"/>
      <c r="BK144" s="48"/>
      <c r="BL144" s="48"/>
      <c r="BM144" s="48"/>
      <c r="BN144" s="48"/>
      <c r="BO144" s="48"/>
      <c r="BP144" s="48"/>
      <c r="BQ144" s="48"/>
      <c r="BR144" s="48"/>
      <c r="BS144" s="48"/>
      <c r="BT144" s="48"/>
      <c r="BU144" s="48"/>
      <c r="BV144" s="48"/>
      <c r="BW144" s="48"/>
      <c r="BX144" s="48"/>
      <c r="BY144" s="48"/>
      <c r="BZ144" s="48"/>
      <c r="CA144" s="48"/>
      <c r="CB144" s="48"/>
      <c r="CC144" s="48"/>
      <c r="CD144" s="48"/>
      <c r="CE144" s="48"/>
      <c r="CF144" s="48"/>
      <c r="CG144" s="48"/>
      <c r="CH144" s="48"/>
      <c r="CI144" s="48"/>
      <c r="CJ144" s="48"/>
      <c r="CK144" s="48"/>
      <c r="CL144" s="48"/>
      <c r="CM144" s="48"/>
      <c r="CN144" s="48"/>
      <c r="CO144" s="48"/>
      <c r="CP144" s="48"/>
      <c r="CQ144" s="48"/>
      <c r="CR144" s="48"/>
      <c r="CS144" s="48"/>
      <c r="CT144" s="48"/>
      <c r="CU144" s="48"/>
      <c r="CV144" s="48"/>
      <c r="CW144" s="48"/>
      <c r="CX144" s="48"/>
      <c r="CY144" s="48"/>
      <c r="CZ144" s="48"/>
      <c r="DA144" s="48"/>
      <c r="DB144" s="48"/>
      <c r="DC144" s="48"/>
      <c r="DD144" s="48"/>
      <c r="DE144" s="48"/>
      <c r="DF144" s="48"/>
      <c r="DG144" s="48"/>
      <c r="DH144" s="48"/>
      <c r="DI144" s="48"/>
      <c r="DJ144" s="48"/>
      <c r="DK144" s="48"/>
      <c r="DL144" s="48"/>
      <c r="DM144" s="48"/>
      <c r="DN144" s="48"/>
      <c r="DO144" s="48"/>
      <c r="DP144" s="48"/>
      <c r="DQ144" s="48"/>
      <c r="DR144" s="48"/>
      <c r="DS144" s="48"/>
      <c r="DT144" s="48"/>
      <c r="DU144" s="48"/>
      <c r="DV144" s="48"/>
      <c r="DW144" s="48"/>
      <c r="DX144" s="48"/>
      <c r="DY144" s="48"/>
      <c r="DZ144" s="48"/>
      <c r="EA144" s="48"/>
      <c r="EB144" s="48"/>
      <c r="EC144" s="48"/>
      <c r="ED144" s="48"/>
      <c r="EE144" s="48"/>
      <c r="EF144" s="48"/>
      <c r="EG144" s="48"/>
      <c r="EH144" s="48"/>
      <c r="EI144" s="48"/>
      <c r="EJ144" s="48"/>
      <c r="EK144" s="48"/>
      <c r="EL144" s="48"/>
      <c r="EM144" s="48"/>
      <c r="EN144" s="48"/>
      <c r="EO144" s="48"/>
      <c r="EP144" s="48"/>
      <c r="EQ144" s="48"/>
      <c r="ER144" s="48"/>
      <c r="ES144" s="48"/>
      <c r="ET144" s="48"/>
      <c r="EU144" s="48"/>
      <c r="EV144" s="48"/>
      <c r="EW144" s="48"/>
      <c r="EX144" s="48"/>
      <c r="EY144" s="48"/>
      <c r="EZ144" s="48"/>
      <c r="FA144" s="48"/>
      <c r="FB144" s="48"/>
      <c r="FC144" s="48"/>
      <c r="FD144" s="48"/>
      <c r="FE144" s="48"/>
      <c r="FF144" s="48"/>
      <c r="FG144" s="48"/>
      <c r="FH144" s="48"/>
      <c r="FI144" s="48"/>
      <c r="FJ144" s="48"/>
      <c r="FK144" s="48"/>
      <c r="FL144" s="48"/>
      <c r="FM144" s="48"/>
      <c r="FN144" s="48"/>
      <c r="FO144" s="48"/>
      <c r="FP144" s="48"/>
      <c r="FQ144" s="48"/>
      <c r="FR144" s="48"/>
    </row>
    <row r="145" spans="1:174" s="47" customFormat="1" ht="27" customHeight="1">
      <c r="A145" s="11">
        <v>2025</v>
      </c>
      <c r="B145" s="9">
        <v>253</v>
      </c>
      <c r="C145" s="10" t="s">
        <v>54</v>
      </c>
      <c r="D145" s="9" t="s">
        <v>1912</v>
      </c>
      <c r="E145" s="9" t="s">
        <v>1913</v>
      </c>
      <c r="F145" s="9" t="s">
        <v>1914</v>
      </c>
      <c r="G145" s="9" t="s">
        <v>1915</v>
      </c>
      <c r="H145" s="9"/>
      <c r="I145" s="9" t="s">
        <v>1916</v>
      </c>
      <c r="J145" s="9"/>
      <c r="K145" s="9"/>
      <c r="L145" s="9"/>
      <c r="M145" s="9"/>
      <c r="N145" s="9" t="s">
        <v>119</v>
      </c>
      <c r="O145" s="9" t="s">
        <v>136</v>
      </c>
      <c r="P145" s="9"/>
      <c r="Q145" s="9"/>
      <c r="R145" s="9"/>
      <c r="S145" s="9"/>
      <c r="T145" s="9" t="s">
        <v>66</v>
      </c>
      <c r="U145" s="9" t="s">
        <v>66</v>
      </c>
      <c r="V145" s="9" t="s">
        <v>66</v>
      </c>
      <c r="W145" s="9"/>
      <c r="X145" s="9"/>
      <c r="Y145" s="9" t="s">
        <v>65</v>
      </c>
      <c r="Z145" s="9"/>
      <c r="AA145" s="9"/>
      <c r="AB145" s="9"/>
      <c r="AC145" s="9"/>
      <c r="AD145" s="9"/>
      <c r="AE145" s="9"/>
      <c r="AF145" s="9"/>
      <c r="AG145" s="9"/>
      <c r="AH145" s="9"/>
      <c r="AI145" s="9" t="s">
        <v>68</v>
      </c>
      <c r="AJ145" s="9"/>
      <c r="AK145" s="9" t="s">
        <v>68</v>
      </c>
      <c r="AL145" s="9" t="s">
        <v>68</v>
      </c>
      <c r="AM145" s="9"/>
      <c r="AN145" s="9"/>
      <c r="AO145" s="9" t="s">
        <v>68</v>
      </c>
      <c r="AP145" s="9" t="s">
        <v>68</v>
      </c>
      <c r="AQ145" s="9"/>
      <c r="AR145" s="9"/>
      <c r="AS145" s="9" t="s">
        <v>121</v>
      </c>
      <c r="AT145" s="9"/>
      <c r="AU145" s="11" t="s">
        <v>71</v>
      </c>
      <c r="AV145" s="9"/>
      <c r="AW145" s="9" t="s">
        <v>1917</v>
      </c>
      <c r="AX145" s="9" t="s">
        <v>1918</v>
      </c>
      <c r="AY145" s="9" t="s">
        <v>1919</v>
      </c>
      <c r="AZ145" s="9" t="s">
        <v>1920</v>
      </c>
      <c r="BA145" s="2"/>
      <c r="BB145" s="2"/>
      <c r="BC145" s="2"/>
      <c r="BD145" s="2"/>
      <c r="BE145" s="2"/>
      <c r="BF145" s="2"/>
      <c r="BG145" s="2"/>
      <c r="BH145" s="2"/>
      <c r="BI145" s="2"/>
      <c r="BJ145" s="2"/>
      <c r="BK145" s="2"/>
      <c r="BL145" s="2"/>
      <c r="BM145" s="2"/>
      <c r="BN145" s="2"/>
      <c r="BO145" s="2"/>
      <c r="BP145" s="2"/>
      <c r="BQ145" s="2"/>
      <c r="BR145" s="2"/>
      <c r="BS145" s="2"/>
      <c r="BT145" s="2"/>
      <c r="BU145" s="2"/>
      <c r="BV145" s="2"/>
      <c r="BW145" s="2"/>
      <c r="BX145" s="2"/>
      <c r="BY145" s="2"/>
      <c r="BZ145" s="2"/>
      <c r="CA145" s="2"/>
      <c r="CB145" s="2"/>
      <c r="CC145" s="2"/>
      <c r="CD145" s="2"/>
      <c r="CE145" s="2"/>
      <c r="CF145" s="2"/>
      <c r="CG145" s="2"/>
      <c r="CH145" s="2"/>
      <c r="CI145" s="2"/>
      <c r="CJ145" s="2"/>
      <c r="CK145" s="2"/>
      <c r="CL145" s="2"/>
      <c r="CM145" s="2"/>
      <c r="CN145" s="2"/>
      <c r="CO145" s="2"/>
      <c r="CP145" s="2"/>
      <c r="CQ145" s="2"/>
      <c r="CR145" s="2"/>
      <c r="CS145" s="2"/>
      <c r="CT145" s="2"/>
      <c r="CU145" s="2"/>
      <c r="CV145" s="2"/>
      <c r="CW145" s="2"/>
      <c r="CX145" s="2"/>
      <c r="CY145" s="2"/>
      <c r="CZ145" s="2"/>
      <c r="DA145" s="2"/>
      <c r="DB145" s="2"/>
      <c r="DC145" s="2"/>
      <c r="DD145" s="2"/>
      <c r="DE145" s="2"/>
      <c r="DF145" s="2"/>
      <c r="DG145" s="2"/>
      <c r="DH145" s="2"/>
      <c r="DI145" s="2"/>
      <c r="DJ145" s="2"/>
      <c r="DK145" s="2"/>
      <c r="DL145" s="2"/>
      <c r="DM145" s="2"/>
      <c r="DN145" s="2"/>
      <c r="DO145" s="2"/>
      <c r="DP145" s="2"/>
      <c r="DQ145" s="2"/>
      <c r="DR145" s="2"/>
      <c r="DS145" s="2"/>
      <c r="DT145" s="2"/>
      <c r="DU145" s="2"/>
      <c r="DV145" s="2"/>
      <c r="DW145" s="2"/>
      <c r="DX145" s="2"/>
      <c r="DY145" s="2"/>
      <c r="DZ145" s="2"/>
      <c r="EA145" s="2"/>
      <c r="EB145" s="2"/>
      <c r="EC145" s="2"/>
      <c r="ED145" s="2"/>
      <c r="EE145" s="2"/>
      <c r="EF145" s="2"/>
      <c r="EG145" s="2"/>
      <c r="EH145" s="2"/>
      <c r="EI145" s="2"/>
      <c r="EJ145" s="2"/>
      <c r="EK145" s="2"/>
      <c r="EL145" s="2"/>
      <c r="EM145" s="2"/>
      <c r="EN145" s="2"/>
      <c r="EO145" s="2"/>
      <c r="EP145" s="2"/>
      <c r="EQ145" s="2"/>
      <c r="ER145" s="2"/>
      <c r="ES145" s="2"/>
      <c r="ET145" s="2"/>
      <c r="EU145" s="2"/>
      <c r="EV145" s="2"/>
      <c r="EW145" s="2"/>
      <c r="EX145" s="2"/>
      <c r="EY145" s="2"/>
      <c r="EZ145" s="2"/>
      <c r="FA145" s="2"/>
      <c r="FB145" s="2"/>
      <c r="FC145" s="2"/>
      <c r="FD145" s="2"/>
      <c r="FE145" s="2"/>
      <c r="FF145" s="2"/>
      <c r="FG145" s="2"/>
      <c r="FH145" s="2"/>
      <c r="FI145" s="2"/>
      <c r="FJ145" s="2"/>
      <c r="FK145" s="2"/>
      <c r="FL145" s="2"/>
      <c r="FM145" s="2"/>
      <c r="FN145" s="2"/>
      <c r="FO145" s="2"/>
      <c r="FP145" s="2"/>
      <c r="FQ145" s="2"/>
      <c r="FR145" s="2"/>
    </row>
    <row r="146" spans="1:174" s="2" customFormat="1" ht="27" customHeight="1">
      <c r="A146" s="11">
        <v>2025</v>
      </c>
      <c r="B146" s="9">
        <v>514</v>
      </c>
      <c r="C146" s="10" t="s">
        <v>54</v>
      </c>
      <c r="D146" s="9" t="s">
        <v>1108</v>
      </c>
      <c r="E146" s="9" t="s">
        <v>1109</v>
      </c>
      <c r="F146" s="9" t="s">
        <v>1110</v>
      </c>
      <c r="G146" s="9" t="s">
        <v>1111</v>
      </c>
      <c r="H146" s="9" t="s">
        <v>1112</v>
      </c>
      <c r="I146" s="9" t="s">
        <v>295</v>
      </c>
      <c r="J146" s="9">
        <v>0</v>
      </c>
      <c r="K146" s="9">
        <v>0</v>
      </c>
      <c r="L146" s="9">
        <v>0</v>
      </c>
      <c r="M146" s="9" t="s">
        <v>86</v>
      </c>
      <c r="N146" s="9" t="s">
        <v>1113</v>
      </c>
      <c r="O146" s="9" t="s">
        <v>70</v>
      </c>
      <c r="P146" s="9" t="s">
        <v>70</v>
      </c>
      <c r="Q146" s="9" t="s">
        <v>106</v>
      </c>
      <c r="R146" s="9" t="s">
        <v>64</v>
      </c>
      <c r="S146" s="9">
        <v>0</v>
      </c>
      <c r="T146" s="9" t="s">
        <v>66</v>
      </c>
      <c r="U146" s="9" t="s">
        <v>66</v>
      </c>
      <c r="V146" s="9" t="s">
        <v>66</v>
      </c>
      <c r="W146" s="9" t="s">
        <v>66</v>
      </c>
      <c r="X146" s="9" t="s">
        <v>66</v>
      </c>
      <c r="Y146" s="9" t="s">
        <v>67</v>
      </c>
      <c r="Z146" s="9" t="s">
        <v>66</v>
      </c>
      <c r="AA146" s="9" t="s">
        <v>66</v>
      </c>
      <c r="AB146" s="9" t="s">
        <v>66</v>
      </c>
      <c r="AC146" s="9" t="s">
        <v>66</v>
      </c>
      <c r="AD146" s="9" t="s">
        <v>67</v>
      </c>
      <c r="AE146" s="9" t="s">
        <v>66</v>
      </c>
      <c r="AF146" s="9" t="s">
        <v>67</v>
      </c>
      <c r="AG146" s="9" t="s">
        <v>67</v>
      </c>
      <c r="AH146" s="9" t="s">
        <v>66</v>
      </c>
      <c r="AI146" s="9" t="s">
        <v>67</v>
      </c>
      <c r="AJ146" s="9" t="s">
        <v>66</v>
      </c>
      <c r="AK146" s="9" t="s">
        <v>66</v>
      </c>
      <c r="AL146" s="9" t="s">
        <v>66</v>
      </c>
      <c r="AM146" s="9" t="s">
        <v>66</v>
      </c>
      <c r="AN146" s="9" t="s">
        <v>66</v>
      </c>
      <c r="AO146" s="9" t="s">
        <v>66</v>
      </c>
      <c r="AP146" s="9" t="s">
        <v>67</v>
      </c>
      <c r="AQ146" s="9" t="s">
        <v>67</v>
      </c>
      <c r="AR146" s="9" t="s">
        <v>1114</v>
      </c>
      <c r="AS146" s="9" t="s">
        <v>64</v>
      </c>
      <c r="AT146" s="9" t="s">
        <v>70</v>
      </c>
      <c r="AU146" s="9" t="s">
        <v>151</v>
      </c>
      <c r="AV146" s="9" t="s">
        <v>1115</v>
      </c>
      <c r="AW146" s="9" t="s">
        <v>1116</v>
      </c>
      <c r="AX146" s="9" t="s">
        <v>1117</v>
      </c>
      <c r="AY146" s="9" t="s">
        <v>1118</v>
      </c>
      <c r="AZ146" s="9" t="s">
        <v>1119</v>
      </c>
    </row>
    <row r="147" spans="1:174" s="2" customFormat="1" ht="27" customHeight="1">
      <c r="A147" s="11">
        <v>2025</v>
      </c>
      <c r="B147" s="9">
        <v>472</v>
      </c>
      <c r="C147" s="10" t="s">
        <v>54</v>
      </c>
      <c r="D147" s="9" t="s">
        <v>1651</v>
      </c>
      <c r="E147" s="9" t="s">
        <v>1652</v>
      </c>
      <c r="F147" s="9" t="s">
        <v>1653</v>
      </c>
      <c r="G147" s="9" t="s">
        <v>1654</v>
      </c>
      <c r="H147" s="9" t="s">
        <v>1655</v>
      </c>
      <c r="I147" s="9" t="s">
        <v>1656</v>
      </c>
      <c r="J147" s="9">
        <v>510</v>
      </c>
      <c r="K147" s="9">
        <v>5.5</v>
      </c>
      <c r="L147" s="9">
        <v>785</v>
      </c>
      <c r="M147" s="9">
        <v>0</v>
      </c>
      <c r="N147" s="9" t="s">
        <v>1657</v>
      </c>
      <c r="O147" s="9" t="s">
        <v>1658</v>
      </c>
      <c r="P147" s="9" t="s">
        <v>826</v>
      </c>
      <c r="Q147" s="9" t="s">
        <v>539</v>
      </c>
      <c r="R147" s="9" t="s">
        <v>64</v>
      </c>
      <c r="S147" s="9">
        <v>0</v>
      </c>
      <c r="T147" s="9" t="s">
        <v>65</v>
      </c>
      <c r="U147" s="9" t="s">
        <v>65</v>
      </c>
      <c r="V147" s="9" t="s">
        <v>65</v>
      </c>
      <c r="W147" s="9" t="s">
        <v>67</v>
      </c>
      <c r="X147" s="9" t="s">
        <v>65</v>
      </c>
      <c r="Y147" s="9" t="s">
        <v>65</v>
      </c>
      <c r="Z147" s="9" t="s">
        <v>65</v>
      </c>
      <c r="AA147" s="9" t="s">
        <v>65</v>
      </c>
      <c r="AB147" s="9" t="s">
        <v>65</v>
      </c>
      <c r="AC147" s="9" t="s">
        <v>65</v>
      </c>
      <c r="AD147" s="9" t="s">
        <v>65</v>
      </c>
      <c r="AE147" s="9" t="s">
        <v>65</v>
      </c>
      <c r="AF147" s="9" t="s">
        <v>65</v>
      </c>
      <c r="AG147" s="9" t="s">
        <v>67</v>
      </c>
      <c r="AH147" s="9" t="s">
        <v>65</v>
      </c>
      <c r="AI147" s="9" t="s">
        <v>65</v>
      </c>
      <c r="AJ147" s="9" t="s">
        <v>65</v>
      </c>
      <c r="AK147" s="9" t="s">
        <v>65</v>
      </c>
      <c r="AL147" s="9" t="s">
        <v>65</v>
      </c>
      <c r="AM147" s="9" t="s">
        <v>65</v>
      </c>
      <c r="AN147" s="9" t="s">
        <v>65</v>
      </c>
      <c r="AO147" s="9" t="s">
        <v>65</v>
      </c>
      <c r="AP147" s="9" t="s">
        <v>65</v>
      </c>
      <c r="AQ147" s="9" t="s">
        <v>67</v>
      </c>
      <c r="AR147" s="9" t="s">
        <v>1659</v>
      </c>
      <c r="AS147" s="9" t="s">
        <v>64</v>
      </c>
      <c r="AT147" s="9">
        <v>0</v>
      </c>
      <c r="AU147" s="9" t="s">
        <v>151</v>
      </c>
      <c r="AV147" s="9" t="s">
        <v>1660</v>
      </c>
      <c r="AW147" s="9" t="s">
        <v>1661</v>
      </c>
      <c r="AX147" s="9" t="s">
        <v>1662</v>
      </c>
      <c r="AY147" s="9" t="s">
        <v>1663</v>
      </c>
      <c r="AZ147" s="9" t="s">
        <v>1664</v>
      </c>
    </row>
    <row r="148" spans="1:174" s="47" customFormat="1" ht="27" customHeight="1">
      <c r="A148" s="18">
        <v>2021</v>
      </c>
      <c r="B148" s="13">
        <v>184</v>
      </c>
      <c r="C148" s="29" t="s">
        <v>568</v>
      </c>
      <c r="D148" s="13" t="s">
        <v>569</v>
      </c>
      <c r="E148" s="13" t="s">
        <v>570</v>
      </c>
      <c r="F148" s="13" t="s">
        <v>571</v>
      </c>
      <c r="G148" s="13" t="s">
        <v>572</v>
      </c>
      <c r="H148" s="19" t="s">
        <v>573</v>
      </c>
      <c r="I148" s="13" t="s">
        <v>359</v>
      </c>
      <c r="J148" s="13" t="s">
        <v>134</v>
      </c>
      <c r="K148" s="13" t="s">
        <v>134</v>
      </c>
      <c r="L148" s="13" t="s">
        <v>134</v>
      </c>
      <c r="M148" s="13" t="s">
        <v>134</v>
      </c>
      <c r="N148" s="13"/>
      <c r="O148" s="13"/>
      <c r="P148" s="13" t="s">
        <v>134</v>
      </c>
      <c r="Q148" s="13" t="s">
        <v>361</v>
      </c>
      <c r="R148" s="13"/>
      <c r="S148" s="13"/>
      <c r="T148" s="13" t="s">
        <v>66</v>
      </c>
      <c r="U148" s="13" t="s">
        <v>66</v>
      </c>
      <c r="V148" s="13" t="s">
        <v>66</v>
      </c>
      <c r="W148" s="13" t="s">
        <v>66</v>
      </c>
      <c r="X148" s="13" t="s">
        <v>66</v>
      </c>
      <c r="Y148" s="13" t="s">
        <v>66</v>
      </c>
      <c r="Z148" s="13" t="s">
        <v>66</v>
      </c>
      <c r="AA148" s="13" t="s">
        <v>66</v>
      </c>
      <c r="AB148" s="13" t="s">
        <v>66</v>
      </c>
      <c r="AC148" s="13" t="s">
        <v>66</v>
      </c>
      <c r="AD148" s="13"/>
      <c r="AE148" s="13"/>
      <c r="AF148" s="13" t="s">
        <v>66</v>
      </c>
      <c r="AG148" s="13"/>
      <c r="AH148" s="13" t="s">
        <v>66</v>
      </c>
      <c r="AI148" s="13" t="s">
        <v>66</v>
      </c>
      <c r="AJ148" s="13" t="s">
        <v>66</v>
      </c>
      <c r="AK148" s="13" t="s">
        <v>66</v>
      </c>
      <c r="AL148" s="13" t="s">
        <v>66</v>
      </c>
      <c r="AM148" s="13" t="s">
        <v>66</v>
      </c>
      <c r="AN148" s="13"/>
      <c r="AO148" s="13"/>
      <c r="AP148" s="13" t="s">
        <v>66</v>
      </c>
      <c r="AQ148" s="13" t="s">
        <v>66</v>
      </c>
      <c r="AR148" s="19" t="s">
        <v>574</v>
      </c>
      <c r="AS148" s="13" t="s">
        <v>575</v>
      </c>
      <c r="AT148" s="13"/>
      <c r="AU148" s="25" t="s">
        <v>361</v>
      </c>
      <c r="AV148" s="13"/>
      <c r="AW148" s="13" t="s">
        <v>361</v>
      </c>
      <c r="AX148" s="13" t="s">
        <v>361</v>
      </c>
      <c r="AY148" s="13" t="s">
        <v>361</v>
      </c>
      <c r="AZ148" s="13" t="s">
        <v>361</v>
      </c>
      <c r="BA148" s="15"/>
      <c r="BB148" s="2"/>
      <c r="BC148" s="2"/>
      <c r="BD148" s="2"/>
      <c r="BE148" s="2"/>
      <c r="BF148" s="2"/>
      <c r="BG148" s="2"/>
      <c r="BH148" s="2"/>
      <c r="BI148" s="2"/>
      <c r="BJ148" s="2"/>
      <c r="BK148" s="2"/>
      <c r="BL148" s="2"/>
      <c r="BM148" s="2"/>
      <c r="BN148" s="2"/>
      <c r="BO148" s="2"/>
      <c r="BP148" s="2"/>
      <c r="BQ148" s="2"/>
      <c r="BR148" s="2"/>
      <c r="BS148" s="2"/>
      <c r="BT148" s="2"/>
      <c r="BU148" s="2"/>
      <c r="BV148" s="2"/>
      <c r="BW148" s="2"/>
      <c r="BX148" s="2"/>
      <c r="BY148" s="2"/>
      <c r="BZ148" s="2"/>
      <c r="CA148" s="2"/>
      <c r="CB148" s="2"/>
      <c r="CC148" s="2"/>
      <c r="CD148" s="2"/>
      <c r="CE148" s="2"/>
      <c r="CF148" s="2"/>
      <c r="CG148" s="2"/>
      <c r="CH148" s="2"/>
      <c r="CI148" s="2"/>
      <c r="CJ148" s="2"/>
      <c r="CK148" s="2"/>
      <c r="CL148" s="2"/>
      <c r="CM148" s="2"/>
      <c r="CN148" s="2"/>
      <c r="CO148" s="2"/>
      <c r="CP148" s="2"/>
      <c r="CQ148" s="2"/>
      <c r="CR148" s="2"/>
      <c r="CS148" s="2"/>
      <c r="CT148" s="2"/>
      <c r="CU148" s="2"/>
      <c r="CV148" s="2"/>
      <c r="CW148" s="2"/>
      <c r="CX148" s="2"/>
      <c r="CY148" s="2"/>
      <c r="CZ148" s="2"/>
      <c r="DA148" s="2"/>
      <c r="DB148" s="2"/>
      <c r="DC148" s="2"/>
      <c r="DD148" s="2"/>
      <c r="DE148" s="2"/>
      <c r="DF148" s="2"/>
      <c r="DG148" s="2"/>
      <c r="DH148" s="2"/>
      <c r="DI148" s="2"/>
      <c r="DJ148" s="2"/>
      <c r="DK148" s="2"/>
      <c r="DL148" s="2"/>
      <c r="DM148" s="2"/>
      <c r="DN148" s="2"/>
      <c r="DO148" s="2"/>
      <c r="DP148" s="2"/>
      <c r="DQ148" s="2"/>
      <c r="DR148" s="2"/>
      <c r="DS148" s="2"/>
      <c r="DT148" s="2"/>
      <c r="DU148" s="2"/>
      <c r="DV148" s="2"/>
      <c r="DW148" s="2"/>
      <c r="DX148" s="2"/>
      <c r="DY148" s="2"/>
      <c r="DZ148" s="2"/>
      <c r="EA148" s="2"/>
      <c r="EB148" s="2"/>
      <c r="EC148" s="2"/>
      <c r="ED148" s="2"/>
      <c r="EE148" s="2"/>
      <c r="EF148" s="2"/>
      <c r="EG148" s="2"/>
      <c r="EH148" s="2"/>
      <c r="EI148" s="2"/>
      <c r="EJ148" s="2"/>
      <c r="EK148" s="2"/>
      <c r="EL148" s="2"/>
      <c r="EM148" s="2"/>
      <c r="EN148" s="2"/>
      <c r="EO148" s="2"/>
      <c r="EP148" s="2"/>
      <c r="EQ148" s="2"/>
      <c r="ER148" s="2"/>
      <c r="ES148" s="2"/>
      <c r="ET148" s="2"/>
      <c r="EU148" s="2"/>
      <c r="EV148" s="2"/>
      <c r="EW148" s="2"/>
      <c r="EX148" s="2"/>
      <c r="EY148" s="2"/>
      <c r="EZ148" s="2"/>
      <c r="FA148" s="2"/>
      <c r="FB148" s="2"/>
      <c r="FC148" s="2"/>
      <c r="FD148" s="2"/>
      <c r="FE148" s="2"/>
      <c r="FF148" s="2"/>
      <c r="FG148" s="2"/>
      <c r="FH148" s="2"/>
      <c r="FI148" s="2"/>
      <c r="FJ148" s="2"/>
      <c r="FK148" s="2"/>
      <c r="FL148" s="2"/>
      <c r="FM148" s="2"/>
      <c r="FN148" s="2"/>
      <c r="FO148" s="2"/>
      <c r="FP148" s="2"/>
      <c r="FQ148" s="2"/>
      <c r="FR148" s="2"/>
    </row>
    <row r="149" spans="1:174" s="47" customFormat="1" ht="27" customHeight="1">
      <c r="A149" s="18">
        <v>2023</v>
      </c>
      <c r="B149" s="13">
        <v>303</v>
      </c>
      <c r="C149" s="29" t="s">
        <v>568</v>
      </c>
      <c r="D149" s="13" t="s">
        <v>569</v>
      </c>
      <c r="E149" s="13" t="s">
        <v>576</v>
      </c>
      <c r="F149" s="13" t="s">
        <v>577</v>
      </c>
      <c r="G149" s="13" t="s">
        <v>578</v>
      </c>
      <c r="H149" s="19" t="s">
        <v>579</v>
      </c>
      <c r="I149" s="13" t="s">
        <v>359</v>
      </c>
      <c r="J149" s="13" t="s">
        <v>134</v>
      </c>
      <c r="K149" s="13" t="s">
        <v>134</v>
      </c>
      <c r="L149" s="13" t="s">
        <v>134</v>
      </c>
      <c r="M149" s="13" t="s">
        <v>134</v>
      </c>
      <c r="N149" s="15"/>
      <c r="O149" s="13"/>
      <c r="P149" s="13" t="s">
        <v>134</v>
      </c>
      <c r="Q149" s="13" t="s">
        <v>575</v>
      </c>
      <c r="R149" s="13"/>
      <c r="S149" s="13"/>
      <c r="T149" s="13" t="s">
        <v>66</v>
      </c>
      <c r="U149" s="13" t="s">
        <v>66</v>
      </c>
      <c r="V149" s="13" t="s">
        <v>66</v>
      </c>
      <c r="W149" s="13"/>
      <c r="X149" s="13"/>
      <c r="Y149" s="13"/>
      <c r="Z149" s="13"/>
      <c r="AA149" s="13"/>
      <c r="AB149" s="13"/>
      <c r="AC149" s="13" t="s">
        <v>66</v>
      </c>
      <c r="AD149" s="13" t="s">
        <v>66</v>
      </c>
      <c r="AE149" s="13"/>
      <c r="AF149" s="13"/>
      <c r="AG149" s="13"/>
      <c r="AH149" s="13"/>
      <c r="AI149" s="13"/>
      <c r="AJ149" s="13"/>
      <c r="AK149" s="13"/>
      <c r="AL149" s="13"/>
      <c r="AM149" s="13" t="s">
        <v>66</v>
      </c>
      <c r="AN149" s="13"/>
      <c r="AO149" s="13"/>
      <c r="AP149" s="13"/>
      <c r="AQ149" s="13"/>
      <c r="AR149" s="15"/>
      <c r="AS149" s="13" t="s">
        <v>575</v>
      </c>
      <c r="AT149" s="13"/>
      <c r="AU149" s="25" t="s">
        <v>361</v>
      </c>
      <c r="AV149" s="13"/>
      <c r="AW149" s="13" t="s">
        <v>580</v>
      </c>
      <c r="AX149" s="13" t="s">
        <v>581</v>
      </c>
      <c r="AY149" s="13" t="s">
        <v>582</v>
      </c>
      <c r="AZ149" s="13" t="s">
        <v>583</v>
      </c>
      <c r="BA149" s="15"/>
      <c r="BB149" s="2"/>
      <c r="BC149" s="2"/>
      <c r="BD149" s="2"/>
      <c r="BE149" s="2"/>
      <c r="BF149" s="2"/>
      <c r="BG149" s="2"/>
      <c r="BH149" s="2"/>
      <c r="BI149" s="2"/>
      <c r="BJ149" s="2"/>
      <c r="BK149" s="2"/>
      <c r="BL149" s="2"/>
      <c r="BM149" s="2"/>
      <c r="BN149" s="2"/>
      <c r="BO149" s="2"/>
      <c r="BP149" s="2"/>
      <c r="BQ149" s="2"/>
      <c r="BR149" s="2"/>
      <c r="BS149" s="2"/>
      <c r="BT149" s="2"/>
      <c r="BU149" s="2"/>
      <c r="BV149" s="2"/>
      <c r="BW149" s="2"/>
      <c r="BX149" s="2"/>
      <c r="BY149" s="2"/>
      <c r="BZ149" s="2"/>
      <c r="CA149" s="2"/>
      <c r="CB149" s="2"/>
      <c r="CC149" s="2"/>
      <c r="CD149" s="2"/>
      <c r="CE149" s="2"/>
      <c r="CF149" s="2"/>
      <c r="CG149" s="2"/>
      <c r="CH149" s="2"/>
      <c r="CI149" s="2"/>
      <c r="CJ149" s="2"/>
      <c r="CK149" s="2"/>
      <c r="CL149" s="2"/>
      <c r="CM149" s="2"/>
      <c r="CN149" s="2"/>
      <c r="CO149" s="2"/>
      <c r="CP149" s="2"/>
      <c r="CQ149" s="2"/>
      <c r="CR149" s="2"/>
      <c r="CS149" s="2"/>
      <c r="CT149" s="2"/>
      <c r="CU149" s="2"/>
      <c r="CV149" s="2"/>
      <c r="CW149" s="2"/>
      <c r="CX149" s="2"/>
      <c r="CY149" s="2"/>
      <c r="CZ149" s="2"/>
      <c r="DA149" s="2"/>
      <c r="DB149" s="2"/>
      <c r="DC149" s="2"/>
      <c r="DD149" s="2"/>
      <c r="DE149" s="2"/>
      <c r="DF149" s="2"/>
      <c r="DG149" s="2"/>
      <c r="DH149" s="2"/>
      <c r="DI149" s="2"/>
      <c r="DJ149" s="2"/>
      <c r="DK149" s="2"/>
      <c r="DL149" s="2"/>
      <c r="DM149" s="2"/>
      <c r="DN149" s="2"/>
      <c r="DO149" s="2"/>
      <c r="DP149" s="2"/>
      <c r="DQ149" s="2"/>
      <c r="DR149" s="2"/>
      <c r="DS149" s="2"/>
      <c r="DT149" s="2"/>
      <c r="DU149" s="2"/>
      <c r="DV149" s="2"/>
      <c r="DW149" s="2"/>
      <c r="DX149" s="2"/>
      <c r="DY149" s="2"/>
      <c r="DZ149" s="2"/>
      <c r="EA149" s="2"/>
      <c r="EB149" s="2"/>
      <c r="EC149" s="2"/>
      <c r="ED149" s="2"/>
      <c r="EE149" s="2"/>
      <c r="EF149" s="2"/>
      <c r="EG149" s="2"/>
      <c r="EH149" s="2"/>
      <c r="EI149" s="2"/>
      <c r="EJ149" s="2"/>
      <c r="EK149" s="2"/>
      <c r="EL149" s="2"/>
      <c r="EM149" s="2"/>
      <c r="EN149" s="2"/>
      <c r="EO149" s="2"/>
      <c r="EP149" s="2"/>
      <c r="EQ149" s="2"/>
      <c r="ER149" s="2"/>
      <c r="ES149" s="2"/>
      <c r="ET149" s="2"/>
      <c r="EU149" s="2"/>
      <c r="EV149" s="2"/>
      <c r="EW149" s="2"/>
      <c r="EX149" s="2"/>
      <c r="EY149" s="2"/>
      <c r="EZ149" s="2"/>
      <c r="FA149" s="2"/>
      <c r="FB149" s="2"/>
      <c r="FC149" s="2"/>
      <c r="FD149" s="2"/>
      <c r="FE149" s="2"/>
      <c r="FF149" s="2"/>
      <c r="FG149" s="2"/>
      <c r="FH149" s="2"/>
      <c r="FI149" s="2"/>
      <c r="FJ149" s="2"/>
      <c r="FK149" s="2"/>
      <c r="FL149" s="2"/>
      <c r="FM149" s="2"/>
      <c r="FN149" s="2"/>
      <c r="FO149" s="2"/>
      <c r="FP149" s="2"/>
      <c r="FQ149" s="2"/>
      <c r="FR149" s="2"/>
    </row>
    <row r="150" spans="1:174" s="2" customFormat="1" ht="21.75" customHeight="1">
      <c r="A150" s="11">
        <v>2025</v>
      </c>
      <c r="B150" s="9">
        <v>147</v>
      </c>
      <c r="C150" s="29" t="s">
        <v>568</v>
      </c>
      <c r="D150" s="9" t="s">
        <v>569</v>
      </c>
      <c r="E150" s="9" t="s">
        <v>829</v>
      </c>
      <c r="F150" s="9" t="s">
        <v>830</v>
      </c>
      <c r="G150" s="9" t="s">
        <v>831</v>
      </c>
      <c r="H150" s="9" t="s">
        <v>832</v>
      </c>
      <c r="I150" s="9" t="s">
        <v>833</v>
      </c>
      <c r="J150" s="9">
        <v>0</v>
      </c>
      <c r="K150" s="9">
        <v>0</v>
      </c>
      <c r="L150" s="9">
        <v>0</v>
      </c>
      <c r="M150" s="9"/>
      <c r="N150" s="9" t="s">
        <v>285</v>
      </c>
      <c r="O150" s="9" t="s">
        <v>834</v>
      </c>
      <c r="P150" s="9" t="s">
        <v>323</v>
      </c>
      <c r="Q150" s="9" t="s">
        <v>106</v>
      </c>
      <c r="R150" s="9" t="s">
        <v>64</v>
      </c>
      <c r="S150" s="9">
        <v>0</v>
      </c>
      <c r="T150" s="9" t="s">
        <v>66</v>
      </c>
      <c r="U150" s="9" t="s">
        <v>66</v>
      </c>
      <c r="V150" s="9" t="s">
        <v>66</v>
      </c>
      <c r="W150" s="9" t="s">
        <v>66</v>
      </c>
      <c r="X150" s="9" t="s">
        <v>66</v>
      </c>
      <c r="Y150" s="9" t="s">
        <v>67</v>
      </c>
      <c r="Z150" s="9" t="s">
        <v>66</v>
      </c>
      <c r="AA150" s="9" t="s">
        <v>66</v>
      </c>
      <c r="AB150" s="9" t="s">
        <v>66</v>
      </c>
      <c r="AC150" s="9" t="s">
        <v>66</v>
      </c>
      <c r="AD150" s="9" t="s">
        <v>66</v>
      </c>
      <c r="AE150" s="9" t="s">
        <v>66</v>
      </c>
      <c r="AF150" s="9" t="s">
        <v>67</v>
      </c>
      <c r="AG150" s="9" t="s">
        <v>66</v>
      </c>
      <c r="AH150" s="9" t="s">
        <v>66</v>
      </c>
      <c r="AI150" s="9" t="s">
        <v>67</v>
      </c>
      <c r="AJ150" s="9" t="s">
        <v>66</v>
      </c>
      <c r="AK150" s="9" t="s">
        <v>66</v>
      </c>
      <c r="AL150" s="9" t="s">
        <v>66</v>
      </c>
      <c r="AM150" s="9" t="s">
        <v>66</v>
      </c>
      <c r="AN150" s="9" t="s">
        <v>66</v>
      </c>
      <c r="AO150" s="9" t="s">
        <v>66</v>
      </c>
      <c r="AP150" s="9" t="s">
        <v>67</v>
      </c>
      <c r="AQ150" s="9" t="s">
        <v>66</v>
      </c>
      <c r="AR150" s="9" t="s">
        <v>835</v>
      </c>
      <c r="AS150" s="9" t="s">
        <v>64</v>
      </c>
      <c r="AT150" s="9">
        <v>0</v>
      </c>
      <c r="AU150" s="9" t="s">
        <v>162</v>
      </c>
      <c r="AV150" s="9" t="s">
        <v>836</v>
      </c>
      <c r="AW150" s="9" t="s">
        <v>837</v>
      </c>
      <c r="AX150" s="9" t="s">
        <v>837</v>
      </c>
      <c r="AY150" s="9" t="s">
        <v>838</v>
      </c>
      <c r="AZ150" s="9" t="s">
        <v>838</v>
      </c>
    </row>
    <row r="151" spans="1:174" s="2" customFormat="1" ht="21.75" customHeight="1">
      <c r="A151" s="11">
        <v>2025</v>
      </c>
      <c r="B151" s="9">
        <v>365</v>
      </c>
      <c r="C151" s="29" t="s">
        <v>568</v>
      </c>
      <c r="D151" s="9" t="s">
        <v>569</v>
      </c>
      <c r="E151" s="9" t="s">
        <v>1045</v>
      </c>
      <c r="F151" s="9" t="s">
        <v>1046</v>
      </c>
      <c r="G151" s="9" t="s">
        <v>1047</v>
      </c>
      <c r="H151" s="9" t="s">
        <v>1048</v>
      </c>
      <c r="I151" s="9" t="s">
        <v>1049</v>
      </c>
      <c r="J151" s="9">
        <v>0</v>
      </c>
      <c r="K151" s="9">
        <v>0</v>
      </c>
      <c r="L151" s="9">
        <v>0</v>
      </c>
      <c r="M151" s="9">
        <v>0</v>
      </c>
      <c r="N151" s="9" t="s">
        <v>1050</v>
      </c>
      <c r="O151" s="9" t="s">
        <v>222</v>
      </c>
      <c r="P151" s="9" t="s">
        <v>70</v>
      </c>
      <c r="Q151" s="9" t="s">
        <v>209</v>
      </c>
      <c r="R151" s="9" t="s">
        <v>64</v>
      </c>
      <c r="S151" s="9">
        <v>0</v>
      </c>
      <c r="T151" s="9" t="s">
        <v>65</v>
      </c>
      <c r="U151" s="9" t="s">
        <v>65</v>
      </c>
      <c r="V151" s="9" t="s">
        <v>65</v>
      </c>
      <c r="W151" s="9" t="s">
        <v>65</v>
      </c>
      <c r="X151" s="9" t="s">
        <v>65</v>
      </c>
      <c r="Y151" s="9" t="s">
        <v>65</v>
      </c>
      <c r="Z151" s="9" t="s">
        <v>65</v>
      </c>
      <c r="AA151" s="9" t="s">
        <v>65</v>
      </c>
      <c r="AB151" s="9" t="s">
        <v>65</v>
      </c>
      <c r="AC151" s="9" t="s">
        <v>65</v>
      </c>
      <c r="AD151" s="9" t="s">
        <v>65</v>
      </c>
      <c r="AE151" s="9" t="s">
        <v>65</v>
      </c>
      <c r="AF151" s="9" t="s">
        <v>65</v>
      </c>
      <c r="AG151" s="9" t="s">
        <v>65</v>
      </c>
      <c r="AH151" s="9" t="s">
        <v>65</v>
      </c>
      <c r="AI151" s="9" t="s">
        <v>67</v>
      </c>
      <c r="AJ151" s="9" t="s">
        <v>67</v>
      </c>
      <c r="AK151" s="9" t="s">
        <v>67</v>
      </c>
      <c r="AL151" s="9" t="s">
        <v>67</v>
      </c>
      <c r="AM151" s="9" t="s">
        <v>67</v>
      </c>
      <c r="AN151" s="9" t="s">
        <v>65</v>
      </c>
      <c r="AO151" s="9" t="s">
        <v>67</v>
      </c>
      <c r="AP151" s="9" t="s">
        <v>67</v>
      </c>
      <c r="AQ151" s="9" t="s">
        <v>65</v>
      </c>
      <c r="AR151" s="9" t="s">
        <v>1051</v>
      </c>
      <c r="AS151" s="9" t="s">
        <v>64</v>
      </c>
      <c r="AT151" s="9" t="s">
        <v>1052</v>
      </c>
      <c r="AU151" s="9" t="s">
        <v>162</v>
      </c>
      <c r="AV151" s="9" t="s">
        <v>134</v>
      </c>
      <c r="AW151" s="9" t="s">
        <v>1053</v>
      </c>
      <c r="AX151" s="9" t="s">
        <v>1053</v>
      </c>
      <c r="AY151" s="9" t="s">
        <v>1054</v>
      </c>
      <c r="AZ151" s="9" t="s">
        <v>1054</v>
      </c>
    </row>
    <row r="152" spans="1:174" s="47" customFormat="1" ht="27" customHeight="1">
      <c r="A152" s="11">
        <v>2025</v>
      </c>
      <c r="B152" s="9">
        <v>480</v>
      </c>
      <c r="C152" s="29" t="s">
        <v>568</v>
      </c>
      <c r="D152" s="9" t="s">
        <v>569</v>
      </c>
      <c r="E152" s="9" t="s">
        <v>1055</v>
      </c>
      <c r="F152" s="9" t="s">
        <v>1056</v>
      </c>
      <c r="G152" s="9" t="s">
        <v>1057</v>
      </c>
      <c r="H152" s="9" t="s">
        <v>1058</v>
      </c>
      <c r="I152" s="9" t="s">
        <v>1059</v>
      </c>
      <c r="J152" s="9">
        <v>0</v>
      </c>
      <c r="K152" s="9">
        <v>0</v>
      </c>
      <c r="L152" s="9">
        <v>0</v>
      </c>
      <c r="M152" s="9"/>
      <c r="N152" s="9" t="s">
        <v>1060</v>
      </c>
      <c r="O152" s="9" t="s">
        <v>1061</v>
      </c>
      <c r="P152" s="9" t="s">
        <v>1062</v>
      </c>
      <c r="Q152" s="9" t="s">
        <v>106</v>
      </c>
      <c r="R152" s="9" t="s">
        <v>90</v>
      </c>
      <c r="S152" s="9" t="s">
        <v>1063</v>
      </c>
      <c r="T152" s="9" t="s">
        <v>66</v>
      </c>
      <c r="U152" s="9" t="s">
        <v>66</v>
      </c>
      <c r="V152" s="9" t="s">
        <v>66</v>
      </c>
      <c r="W152" s="9" t="s">
        <v>67</v>
      </c>
      <c r="X152" s="9" t="s">
        <v>66</v>
      </c>
      <c r="Y152" s="9" t="s">
        <v>67</v>
      </c>
      <c r="Z152" s="9" t="s">
        <v>66</v>
      </c>
      <c r="AA152" s="9" t="s">
        <v>66</v>
      </c>
      <c r="AB152" s="9" t="s">
        <v>66</v>
      </c>
      <c r="AC152" s="9" t="s">
        <v>67</v>
      </c>
      <c r="AD152" s="9" t="s">
        <v>67</v>
      </c>
      <c r="AE152" s="9" t="s">
        <v>67</v>
      </c>
      <c r="AF152" s="9" t="s">
        <v>66</v>
      </c>
      <c r="AG152" s="9" t="s">
        <v>66</v>
      </c>
      <c r="AH152" s="9" t="s">
        <v>66</v>
      </c>
      <c r="AI152" s="9" t="s">
        <v>66</v>
      </c>
      <c r="AJ152" s="9" t="s">
        <v>67</v>
      </c>
      <c r="AK152" s="9" t="s">
        <v>66</v>
      </c>
      <c r="AL152" s="9" t="s">
        <v>66</v>
      </c>
      <c r="AM152" s="9" t="s">
        <v>66</v>
      </c>
      <c r="AN152" s="9" t="s">
        <v>66</v>
      </c>
      <c r="AO152" s="9" t="s">
        <v>66</v>
      </c>
      <c r="AP152" s="9" t="s">
        <v>66</v>
      </c>
      <c r="AQ152" s="9" t="s">
        <v>66</v>
      </c>
      <c r="AR152" s="9" t="s">
        <v>1064</v>
      </c>
      <c r="AS152" s="9" t="s">
        <v>64</v>
      </c>
      <c r="AT152" s="9" t="s">
        <v>1065</v>
      </c>
      <c r="AU152" s="9" t="s">
        <v>108</v>
      </c>
      <c r="AV152" s="9" t="s">
        <v>1066</v>
      </c>
      <c r="AW152" s="9" t="s">
        <v>1067</v>
      </c>
      <c r="AX152" s="9" t="s">
        <v>1067</v>
      </c>
      <c r="AY152" s="9" t="s">
        <v>1068</v>
      </c>
      <c r="AZ152" s="9" t="s">
        <v>1068</v>
      </c>
      <c r="BA152" s="2"/>
      <c r="BB152" s="2"/>
      <c r="BC152" s="2"/>
      <c r="BD152" s="2"/>
      <c r="BE152" s="2"/>
      <c r="BF152" s="2"/>
      <c r="BG152" s="2"/>
      <c r="BH152" s="2"/>
      <c r="BI152" s="2"/>
      <c r="BJ152" s="2"/>
      <c r="BK152" s="2"/>
      <c r="BL152" s="2"/>
      <c r="BM152" s="2"/>
      <c r="BN152" s="2"/>
      <c r="BO152" s="2"/>
      <c r="BP152" s="2"/>
      <c r="BQ152" s="2"/>
      <c r="BR152" s="2"/>
      <c r="BS152" s="2"/>
      <c r="BT152" s="2"/>
      <c r="BU152" s="2"/>
      <c r="BV152" s="2"/>
      <c r="BW152" s="2"/>
      <c r="BX152" s="2"/>
      <c r="BY152" s="2"/>
      <c r="BZ152" s="2"/>
      <c r="CA152" s="2"/>
      <c r="CB152" s="2"/>
      <c r="CC152" s="2"/>
      <c r="CD152" s="2"/>
      <c r="CE152" s="2"/>
      <c r="CF152" s="2"/>
      <c r="CG152" s="2"/>
      <c r="CH152" s="2"/>
      <c r="CI152" s="2"/>
      <c r="CJ152" s="2"/>
      <c r="CK152" s="2"/>
      <c r="CL152" s="2"/>
      <c r="CM152" s="2"/>
      <c r="CN152" s="2"/>
      <c r="CO152" s="2"/>
      <c r="CP152" s="2"/>
      <c r="CQ152" s="2"/>
      <c r="CR152" s="2"/>
      <c r="CS152" s="2"/>
      <c r="CT152" s="2"/>
      <c r="CU152" s="2"/>
      <c r="CV152" s="2"/>
      <c r="CW152" s="2"/>
      <c r="CX152" s="2"/>
      <c r="CY152" s="2"/>
      <c r="CZ152" s="2"/>
      <c r="DA152" s="2"/>
      <c r="DB152" s="2"/>
      <c r="DC152" s="2"/>
      <c r="DD152" s="2"/>
      <c r="DE152" s="2"/>
      <c r="DF152" s="2"/>
      <c r="DG152" s="2"/>
      <c r="DH152" s="2"/>
      <c r="DI152" s="2"/>
      <c r="DJ152" s="2"/>
      <c r="DK152" s="2"/>
      <c r="DL152" s="2"/>
      <c r="DM152" s="2"/>
      <c r="DN152" s="2"/>
      <c r="DO152" s="2"/>
      <c r="DP152" s="2"/>
      <c r="DQ152" s="2"/>
      <c r="DR152" s="2"/>
      <c r="DS152" s="2"/>
      <c r="DT152" s="2"/>
      <c r="DU152" s="2"/>
      <c r="DV152" s="2"/>
      <c r="DW152" s="2"/>
      <c r="DX152" s="2"/>
      <c r="DY152" s="2"/>
      <c r="DZ152" s="2"/>
      <c r="EA152" s="2"/>
      <c r="EB152" s="2"/>
      <c r="EC152" s="2"/>
      <c r="ED152" s="2"/>
      <c r="EE152" s="2"/>
      <c r="EF152" s="2"/>
      <c r="EG152" s="2"/>
      <c r="EH152" s="2"/>
      <c r="EI152" s="2"/>
      <c r="EJ152" s="2"/>
      <c r="EK152" s="2"/>
      <c r="EL152" s="2"/>
      <c r="EM152" s="2"/>
      <c r="EN152" s="2"/>
      <c r="EO152" s="2"/>
      <c r="EP152" s="2"/>
      <c r="EQ152" s="2"/>
      <c r="ER152" s="2"/>
      <c r="ES152" s="2"/>
      <c r="ET152" s="2"/>
      <c r="EU152" s="2"/>
      <c r="EV152" s="2"/>
      <c r="EW152" s="2"/>
      <c r="EX152" s="2"/>
      <c r="EY152" s="2"/>
      <c r="EZ152" s="2"/>
      <c r="FA152" s="2"/>
      <c r="FB152" s="2"/>
      <c r="FC152" s="2"/>
      <c r="FD152" s="2"/>
      <c r="FE152" s="2"/>
      <c r="FF152" s="2"/>
      <c r="FG152" s="2"/>
      <c r="FH152" s="2"/>
      <c r="FI152" s="2"/>
      <c r="FJ152" s="2"/>
      <c r="FK152" s="2"/>
      <c r="FL152" s="2"/>
      <c r="FM152" s="2"/>
      <c r="FN152" s="2"/>
      <c r="FO152" s="2"/>
      <c r="FP152" s="2"/>
      <c r="FQ152" s="2"/>
      <c r="FR152" s="2"/>
    </row>
    <row r="153" spans="1:174" s="47" customFormat="1" ht="27" customHeight="1">
      <c r="A153" s="11">
        <v>2025</v>
      </c>
      <c r="B153" s="9">
        <v>209</v>
      </c>
      <c r="C153" s="29" t="s">
        <v>568</v>
      </c>
      <c r="D153" s="9" t="s">
        <v>925</v>
      </c>
      <c r="E153" s="9" t="s">
        <v>926</v>
      </c>
      <c r="F153" s="9" t="s">
        <v>927</v>
      </c>
      <c r="G153" s="9" t="s">
        <v>928</v>
      </c>
      <c r="H153" s="9" t="s">
        <v>929</v>
      </c>
      <c r="I153" s="9" t="s">
        <v>1942</v>
      </c>
      <c r="J153" s="9">
        <v>42</v>
      </c>
      <c r="K153" s="9">
        <v>4.5</v>
      </c>
      <c r="L153" s="9">
        <v>550</v>
      </c>
      <c r="M153" s="9"/>
      <c r="N153" s="9" t="s">
        <v>930</v>
      </c>
      <c r="O153" s="9" t="s">
        <v>931</v>
      </c>
      <c r="P153" s="9" t="s">
        <v>932</v>
      </c>
      <c r="Q153" s="9" t="s">
        <v>1780</v>
      </c>
      <c r="R153" s="9" t="s">
        <v>90</v>
      </c>
      <c r="S153" s="9" t="s">
        <v>933</v>
      </c>
      <c r="T153" s="9" t="s">
        <v>65</v>
      </c>
      <c r="U153" s="9" t="s">
        <v>65</v>
      </c>
      <c r="V153" s="9" t="s">
        <v>65</v>
      </c>
      <c r="W153" s="9" t="s">
        <v>67</v>
      </c>
      <c r="X153" s="9" t="s">
        <v>65</v>
      </c>
      <c r="Y153" s="9" t="s">
        <v>67</v>
      </c>
      <c r="Z153" s="9" t="s">
        <v>67</v>
      </c>
      <c r="AA153" s="9" t="s">
        <v>67</v>
      </c>
      <c r="AB153" s="9" t="s">
        <v>65</v>
      </c>
      <c r="AC153" s="9" t="s">
        <v>65</v>
      </c>
      <c r="AD153" s="9" t="s">
        <v>65</v>
      </c>
      <c r="AE153" s="9" t="s">
        <v>65</v>
      </c>
      <c r="AF153" s="9" t="s">
        <v>65</v>
      </c>
      <c r="AG153" s="9" t="s">
        <v>65</v>
      </c>
      <c r="AH153" s="9" t="s">
        <v>67</v>
      </c>
      <c r="AI153" s="9" t="s">
        <v>67</v>
      </c>
      <c r="AJ153" s="9" t="s">
        <v>67</v>
      </c>
      <c r="AK153" s="9" t="s">
        <v>67</v>
      </c>
      <c r="AL153" s="9" t="s">
        <v>67</v>
      </c>
      <c r="AM153" s="9" t="s">
        <v>67</v>
      </c>
      <c r="AN153" s="9" t="s">
        <v>67</v>
      </c>
      <c r="AO153" s="9" t="s">
        <v>67</v>
      </c>
      <c r="AP153" s="9" t="s">
        <v>67</v>
      </c>
      <c r="AQ153" s="9" t="s">
        <v>67</v>
      </c>
      <c r="AR153" s="9" t="s">
        <v>934</v>
      </c>
      <c r="AS153" s="9" t="s">
        <v>64</v>
      </c>
      <c r="AT153" s="9" t="s">
        <v>222</v>
      </c>
      <c r="AU153" s="9" t="s">
        <v>162</v>
      </c>
      <c r="AV153" s="9" t="s">
        <v>935</v>
      </c>
      <c r="AW153" s="9" t="s">
        <v>936</v>
      </c>
      <c r="AX153" s="9" t="s">
        <v>937</v>
      </c>
      <c r="AY153" s="9" t="s">
        <v>938</v>
      </c>
      <c r="AZ153" s="9" t="s">
        <v>939</v>
      </c>
      <c r="BA153" s="2"/>
      <c r="BB153" s="2"/>
      <c r="BC153" s="2"/>
      <c r="BD153" s="2"/>
      <c r="BE153" s="2"/>
      <c r="BF153" s="2"/>
      <c r="BG153" s="2"/>
      <c r="BH153" s="2"/>
      <c r="BI153" s="2"/>
      <c r="BJ153" s="2"/>
      <c r="BK153" s="2"/>
      <c r="BL153" s="2"/>
      <c r="BM153" s="2"/>
      <c r="BN153" s="2"/>
      <c r="BO153" s="2"/>
      <c r="BP153" s="2"/>
      <c r="BQ153" s="2"/>
      <c r="BR153" s="2"/>
      <c r="BS153" s="2"/>
      <c r="BT153" s="2"/>
      <c r="BU153" s="2"/>
      <c r="BV153" s="2"/>
      <c r="BW153" s="2"/>
      <c r="BX153" s="2"/>
      <c r="BY153" s="2"/>
      <c r="BZ153" s="2"/>
      <c r="CA153" s="2"/>
      <c r="CB153" s="2"/>
      <c r="CC153" s="2"/>
      <c r="CD153" s="2"/>
      <c r="CE153" s="2"/>
      <c r="CF153" s="2"/>
      <c r="CG153" s="2"/>
      <c r="CH153" s="2"/>
      <c r="CI153" s="2"/>
      <c r="CJ153" s="2"/>
      <c r="CK153" s="2"/>
      <c r="CL153" s="2"/>
      <c r="CM153" s="2"/>
      <c r="CN153" s="2"/>
      <c r="CO153" s="2"/>
      <c r="CP153" s="2"/>
      <c r="CQ153" s="2"/>
      <c r="CR153" s="2"/>
      <c r="CS153" s="2"/>
      <c r="CT153" s="2"/>
      <c r="CU153" s="2"/>
      <c r="CV153" s="2"/>
      <c r="CW153" s="2"/>
      <c r="CX153" s="2"/>
      <c r="CY153" s="2"/>
      <c r="CZ153" s="2"/>
      <c r="DA153" s="2"/>
      <c r="DB153" s="2"/>
      <c r="DC153" s="2"/>
      <c r="DD153" s="2"/>
      <c r="DE153" s="2"/>
      <c r="DF153" s="2"/>
      <c r="DG153" s="2"/>
      <c r="DH153" s="2"/>
      <c r="DI153" s="2"/>
      <c r="DJ153" s="2"/>
      <c r="DK153" s="2"/>
      <c r="DL153" s="2"/>
      <c r="DM153" s="2"/>
      <c r="DN153" s="2"/>
      <c r="DO153" s="2"/>
      <c r="DP153" s="2"/>
      <c r="DQ153" s="2"/>
      <c r="DR153" s="2"/>
      <c r="DS153" s="2"/>
      <c r="DT153" s="2"/>
      <c r="DU153" s="2"/>
      <c r="DV153" s="2"/>
      <c r="DW153" s="2"/>
      <c r="DX153" s="2"/>
      <c r="DY153" s="2"/>
      <c r="DZ153" s="2"/>
      <c r="EA153" s="2"/>
      <c r="EB153" s="2"/>
      <c r="EC153" s="2"/>
      <c r="ED153" s="2"/>
      <c r="EE153" s="2"/>
      <c r="EF153" s="2"/>
      <c r="EG153" s="2"/>
      <c r="EH153" s="2"/>
      <c r="EI153" s="2"/>
      <c r="EJ153" s="2"/>
      <c r="EK153" s="2"/>
      <c r="EL153" s="2"/>
      <c r="EM153" s="2"/>
      <c r="EN153" s="2"/>
      <c r="EO153" s="2"/>
      <c r="EP153" s="2"/>
      <c r="EQ153" s="2"/>
      <c r="ER153" s="2"/>
      <c r="ES153" s="2"/>
      <c r="ET153" s="2"/>
      <c r="EU153" s="2"/>
      <c r="EV153" s="2"/>
      <c r="EW153" s="2"/>
      <c r="EX153" s="2"/>
      <c r="EY153" s="2"/>
      <c r="EZ153" s="2"/>
      <c r="FA153" s="2"/>
      <c r="FB153" s="2"/>
      <c r="FC153" s="2"/>
      <c r="FD153" s="2"/>
      <c r="FE153" s="2"/>
      <c r="FF153" s="2"/>
      <c r="FG153" s="2"/>
      <c r="FH153" s="2"/>
      <c r="FI153" s="2"/>
      <c r="FJ153" s="2"/>
      <c r="FK153" s="2"/>
      <c r="FL153" s="2"/>
      <c r="FM153" s="2"/>
      <c r="FN153" s="2"/>
      <c r="FO153" s="2"/>
      <c r="FP153" s="2"/>
      <c r="FQ153" s="2"/>
      <c r="FR153" s="2"/>
    </row>
    <row r="154" spans="1:174" s="47" customFormat="1" ht="27" customHeight="1">
      <c r="A154" s="18">
        <v>2025</v>
      </c>
      <c r="B154" s="13">
        <v>266</v>
      </c>
      <c r="C154" s="29" t="s">
        <v>568</v>
      </c>
      <c r="D154" s="13" t="s">
        <v>925</v>
      </c>
      <c r="E154" s="13" t="s">
        <v>1294</v>
      </c>
      <c r="F154" s="13" t="s">
        <v>1295</v>
      </c>
      <c r="G154" s="13" t="s">
        <v>1296</v>
      </c>
      <c r="H154" s="19" t="s">
        <v>1297</v>
      </c>
      <c r="I154" s="41" t="s">
        <v>1298</v>
      </c>
      <c r="J154" s="41">
        <v>0</v>
      </c>
      <c r="K154" s="41">
        <v>0</v>
      </c>
      <c r="L154" s="41">
        <v>0</v>
      </c>
      <c r="M154" s="41">
        <v>0</v>
      </c>
      <c r="N154" s="58" t="s">
        <v>1299</v>
      </c>
      <c r="O154" s="41" t="s">
        <v>1300</v>
      </c>
      <c r="P154" s="41" t="s">
        <v>1301</v>
      </c>
      <c r="Q154" s="41" t="s">
        <v>310</v>
      </c>
      <c r="R154" s="41" t="s">
        <v>64</v>
      </c>
      <c r="S154" s="41" t="s">
        <v>1302</v>
      </c>
      <c r="T154" s="41" t="s">
        <v>65</v>
      </c>
      <c r="U154" s="41" t="s">
        <v>65</v>
      </c>
      <c r="V154" s="41" t="s">
        <v>67</v>
      </c>
      <c r="W154" s="41" t="s">
        <v>67</v>
      </c>
      <c r="X154" s="41" t="s">
        <v>65</v>
      </c>
      <c r="Y154" s="41" t="s">
        <v>67</v>
      </c>
      <c r="Z154" s="41" t="s">
        <v>67</v>
      </c>
      <c r="AA154" s="41" t="s">
        <v>67</v>
      </c>
      <c r="AB154" s="41" t="s">
        <v>65</v>
      </c>
      <c r="AC154" s="41" t="s">
        <v>65</v>
      </c>
      <c r="AD154" s="41" t="s">
        <v>67</v>
      </c>
      <c r="AE154" s="41" t="s">
        <v>65</v>
      </c>
      <c r="AF154" s="41" t="s">
        <v>67</v>
      </c>
      <c r="AG154" s="41" t="s">
        <v>65</v>
      </c>
      <c r="AH154" s="41" t="s">
        <v>67</v>
      </c>
      <c r="AI154" s="41" t="s">
        <v>67</v>
      </c>
      <c r="AJ154" s="41" t="s">
        <v>67</v>
      </c>
      <c r="AK154" s="41" t="s">
        <v>67</v>
      </c>
      <c r="AL154" s="41" t="s">
        <v>67</v>
      </c>
      <c r="AM154" s="41" t="s">
        <v>67</v>
      </c>
      <c r="AN154" s="41" t="s">
        <v>67</v>
      </c>
      <c r="AO154" s="41" t="s">
        <v>67</v>
      </c>
      <c r="AP154" s="41" t="s">
        <v>67</v>
      </c>
      <c r="AQ154" s="41" t="s">
        <v>67</v>
      </c>
      <c r="AR154" s="59" t="s">
        <v>1303</v>
      </c>
      <c r="AS154" s="41" t="s">
        <v>64</v>
      </c>
      <c r="AT154" s="41" t="s">
        <v>666</v>
      </c>
      <c r="AU154" s="41" t="s">
        <v>162</v>
      </c>
      <c r="AV154" s="41" t="s">
        <v>1304</v>
      </c>
      <c r="AW154" s="41" t="s">
        <v>1305</v>
      </c>
      <c r="AX154" s="41" t="s">
        <v>1306</v>
      </c>
      <c r="AY154" s="41" t="s">
        <v>1307</v>
      </c>
      <c r="AZ154" s="41" t="s">
        <v>1308</v>
      </c>
      <c r="BA154" s="15"/>
      <c r="BB154" s="2"/>
      <c r="BC154" s="2"/>
      <c r="BD154" s="2"/>
      <c r="BE154" s="2"/>
      <c r="BF154" s="2"/>
      <c r="BG154" s="2"/>
      <c r="BH154" s="2"/>
      <c r="BI154" s="2"/>
      <c r="BJ154" s="2"/>
      <c r="BK154" s="2"/>
      <c r="BL154" s="2"/>
      <c r="BM154" s="2"/>
      <c r="BN154" s="2"/>
      <c r="BO154" s="2"/>
      <c r="BP154" s="2"/>
      <c r="BQ154" s="2"/>
      <c r="BR154" s="2"/>
      <c r="BS154" s="2"/>
      <c r="BT154" s="2"/>
      <c r="BU154" s="2"/>
      <c r="BV154" s="2"/>
      <c r="BW154" s="2"/>
      <c r="BX154" s="2"/>
      <c r="BY154" s="2"/>
      <c r="BZ154" s="2"/>
      <c r="CA154" s="2"/>
      <c r="CB154" s="2"/>
      <c r="CC154" s="2"/>
      <c r="CD154" s="2"/>
      <c r="CE154" s="2"/>
      <c r="CF154" s="2"/>
      <c r="CG154" s="2"/>
      <c r="CH154" s="2"/>
      <c r="CI154" s="2"/>
      <c r="CJ154" s="2"/>
      <c r="CK154" s="2"/>
      <c r="CL154" s="2"/>
      <c r="CM154" s="2"/>
      <c r="CN154" s="2"/>
      <c r="CO154" s="2"/>
      <c r="CP154" s="2"/>
      <c r="CQ154" s="2"/>
      <c r="CR154" s="2"/>
      <c r="CS154" s="2"/>
      <c r="CT154" s="2"/>
      <c r="CU154" s="2"/>
      <c r="CV154" s="2"/>
      <c r="CW154" s="2"/>
      <c r="CX154" s="2"/>
      <c r="CY154" s="2"/>
      <c r="CZ154" s="2"/>
      <c r="DA154" s="2"/>
      <c r="DB154" s="2"/>
      <c r="DC154" s="2"/>
      <c r="DD154" s="2"/>
      <c r="DE154" s="2"/>
      <c r="DF154" s="2"/>
      <c r="DG154" s="2"/>
      <c r="DH154" s="2"/>
      <c r="DI154" s="2"/>
      <c r="DJ154" s="2"/>
      <c r="DK154" s="2"/>
      <c r="DL154" s="2"/>
      <c r="DM154" s="2"/>
      <c r="DN154" s="2"/>
      <c r="DO154" s="2"/>
      <c r="DP154" s="2"/>
      <c r="DQ154" s="2"/>
      <c r="DR154" s="2"/>
      <c r="DS154" s="2"/>
      <c r="DT154" s="2"/>
      <c r="DU154" s="2"/>
      <c r="DV154" s="2"/>
      <c r="DW154" s="2"/>
      <c r="DX154" s="2"/>
      <c r="DY154" s="2"/>
      <c r="DZ154" s="2"/>
      <c r="EA154" s="2"/>
      <c r="EB154" s="2"/>
      <c r="EC154" s="2"/>
      <c r="ED154" s="2"/>
      <c r="EE154" s="2"/>
      <c r="EF154" s="2"/>
      <c r="EG154" s="2"/>
      <c r="EH154" s="2"/>
      <c r="EI154" s="2"/>
      <c r="EJ154" s="2"/>
      <c r="EK154" s="2"/>
      <c r="EL154" s="2"/>
      <c r="EM154" s="2"/>
      <c r="EN154" s="2"/>
      <c r="EO154" s="2"/>
      <c r="EP154" s="2"/>
      <c r="EQ154" s="2"/>
      <c r="ER154" s="2"/>
      <c r="ES154" s="2"/>
      <c r="ET154" s="2"/>
      <c r="EU154" s="2"/>
      <c r="EV154" s="2"/>
      <c r="EW154" s="2"/>
      <c r="EX154" s="2"/>
      <c r="EY154" s="2"/>
      <c r="EZ154" s="2"/>
      <c r="FA154" s="2"/>
      <c r="FB154" s="2"/>
      <c r="FC154" s="2"/>
      <c r="FD154" s="2"/>
      <c r="FE154" s="2"/>
      <c r="FF154" s="2"/>
      <c r="FG154" s="2"/>
      <c r="FH154" s="2"/>
      <c r="FI154" s="2"/>
      <c r="FJ154" s="2"/>
      <c r="FK154" s="2"/>
      <c r="FL154" s="2"/>
      <c r="FM154" s="2"/>
      <c r="FN154" s="2"/>
      <c r="FO154" s="2"/>
      <c r="FP154" s="2"/>
      <c r="FQ154" s="2"/>
      <c r="FR154" s="2"/>
    </row>
    <row r="155" spans="1:174" s="2" customFormat="1" ht="27" customHeight="1">
      <c r="A155" s="18">
        <v>2023</v>
      </c>
      <c r="B155" s="13">
        <v>301</v>
      </c>
      <c r="C155" s="27" t="s">
        <v>415</v>
      </c>
      <c r="D155" s="13" t="s">
        <v>416</v>
      </c>
      <c r="E155" s="13" t="s">
        <v>417</v>
      </c>
      <c r="F155" s="9" t="s">
        <v>418</v>
      </c>
      <c r="G155" s="13" t="s">
        <v>419</v>
      </c>
      <c r="H155" s="14" t="s">
        <v>420</v>
      </c>
      <c r="I155" s="13" t="s">
        <v>421</v>
      </c>
      <c r="J155" s="13">
        <v>71</v>
      </c>
      <c r="K155" s="13">
        <v>6</v>
      </c>
      <c r="L155" s="13">
        <v>640</v>
      </c>
      <c r="M155" s="13" t="s">
        <v>86</v>
      </c>
      <c r="N155" s="13" t="s">
        <v>422</v>
      </c>
      <c r="O155" s="13"/>
      <c r="P155" s="13" t="s">
        <v>423</v>
      </c>
      <c r="Q155" s="13" t="s">
        <v>424</v>
      </c>
      <c r="R155" s="13"/>
      <c r="S155" s="13"/>
      <c r="T155" s="13" t="s">
        <v>66</v>
      </c>
      <c r="U155" s="13" t="s">
        <v>66</v>
      </c>
      <c r="V155" s="13" t="s">
        <v>66</v>
      </c>
      <c r="W155" s="13"/>
      <c r="X155" s="13" t="s">
        <v>66</v>
      </c>
      <c r="Y155" s="13"/>
      <c r="Z155" s="13" t="s">
        <v>66</v>
      </c>
      <c r="AA155" s="13" t="s">
        <v>66</v>
      </c>
      <c r="AB155" s="13" t="s">
        <v>66</v>
      </c>
      <c r="AC155" s="13" t="s">
        <v>66</v>
      </c>
      <c r="AD155" s="13"/>
      <c r="AE155" s="13" t="s">
        <v>66</v>
      </c>
      <c r="AF155" s="13" t="s">
        <v>66</v>
      </c>
      <c r="AG155" s="13"/>
      <c r="AH155" s="13" t="s">
        <v>66</v>
      </c>
      <c r="AI155" s="13"/>
      <c r="AJ155" s="13" t="s">
        <v>66</v>
      </c>
      <c r="AK155" s="13" t="s">
        <v>66</v>
      </c>
      <c r="AL155" s="13"/>
      <c r="AM155" s="13" t="s">
        <v>66</v>
      </c>
      <c r="AN155" s="13"/>
      <c r="AO155" s="13" t="s">
        <v>66</v>
      </c>
      <c r="AP155" s="13" t="s">
        <v>66</v>
      </c>
      <c r="AQ155" s="13"/>
      <c r="AR155" s="14" t="s">
        <v>425</v>
      </c>
      <c r="AS155" s="24" t="s">
        <v>90</v>
      </c>
      <c r="AT155" s="13" t="s">
        <v>426</v>
      </c>
      <c r="AU155" s="25" t="s">
        <v>361</v>
      </c>
      <c r="AV155" s="19"/>
      <c r="AW155" s="25" t="s">
        <v>427</v>
      </c>
      <c r="AX155" s="25" t="s">
        <v>427</v>
      </c>
      <c r="AY155" s="25" t="s">
        <v>428</v>
      </c>
      <c r="AZ155" s="25" t="s">
        <v>428</v>
      </c>
      <c r="BA155" s="15"/>
    </row>
    <row r="156" spans="1:174" s="47" customFormat="1" ht="27" customHeight="1">
      <c r="A156" s="18">
        <v>2024</v>
      </c>
      <c r="B156" s="13">
        <v>478</v>
      </c>
      <c r="C156" s="27" t="s">
        <v>415</v>
      </c>
      <c r="D156" s="13" t="s">
        <v>416</v>
      </c>
      <c r="E156" s="13" t="s">
        <v>429</v>
      </c>
      <c r="F156" s="9" t="s">
        <v>430</v>
      </c>
      <c r="G156" s="13" t="s">
        <v>431</v>
      </c>
      <c r="H156" s="19" t="s">
        <v>432</v>
      </c>
      <c r="I156" s="13" t="s">
        <v>433</v>
      </c>
      <c r="J156" s="13">
        <v>61</v>
      </c>
      <c r="K156" s="13">
        <v>6</v>
      </c>
      <c r="L156" s="13" t="s">
        <v>134</v>
      </c>
      <c r="M156" s="13" t="s">
        <v>134</v>
      </c>
      <c r="N156" s="13"/>
      <c r="O156" s="13"/>
      <c r="P156" s="13" t="s">
        <v>134</v>
      </c>
      <c r="Q156" s="13" t="s">
        <v>424</v>
      </c>
      <c r="R156" s="13"/>
      <c r="S156" s="13"/>
      <c r="T156" s="13" t="s">
        <v>66</v>
      </c>
      <c r="U156" s="13" t="s">
        <v>66</v>
      </c>
      <c r="V156" s="13"/>
      <c r="W156" s="13"/>
      <c r="X156" s="13" t="s">
        <v>66</v>
      </c>
      <c r="Y156" s="13"/>
      <c r="Z156" s="13" t="s">
        <v>66</v>
      </c>
      <c r="AA156" s="13" t="s">
        <v>66</v>
      </c>
      <c r="AB156" s="13"/>
      <c r="AC156" s="13" t="s">
        <v>66</v>
      </c>
      <c r="AD156" s="13"/>
      <c r="AE156" s="13"/>
      <c r="AF156" s="13" t="s">
        <v>66</v>
      </c>
      <c r="AG156" s="13"/>
      <c r="AH156" s="13"/>
      <c r="AI156" s="13"/>
      <c r="AJ156" s="13"/>
      <c r="AK156" s="13"/>
      <c r="AL156" s="13"/>
      <c r="AM156" s="13"/>
      <c r="AN156" s="13"/>
      <c r="AO156" s="13"/>
      <c r="AP156" s="13"/>
      <c r="AQ156" s="13"/>
      <c r="AR156" s="14" t="s">
        <v>434</v>
      </c>
      <c r="AS156" s="13" t="s">
        <v>435</v>
      </c>
      <c r="AT156" s="13" t="s">
        <v>436</v>
      </c>
      <c r="AU156" s="13" t="s">
        <v>437</v>
      </c>
      <c r="AV156" s="19" t="s">
        <v>438</v>
      </c>
      <c r="AW156" s="25" t="s">
        <v>439</v>
      </c>
      <c r="AX156" s="25" t="s">
        <v>440</v>
      </c>
      <c r="AY156" s="25" t="s">
        <v>441</v>
      </c>
      <c r="AZ156" s="25" t="s">
        <v>442</v>
      </c>
      <c r="BA156" s="15"/>
      <c r="BB156" s="2"/>
      <c r="BC156" s="2"/>
      <c r="BD156" s="2"/>
      <c r="BE156" s="2"/>
      <c r="BF156" s="2"/>
      <c r="BG156" s="2"/>
      <c r="BH156" s="2"/>
      <c r="BI156" s="2"/>
      <c r="BJ156" s="2"/>
      <c r="BK156" s="2"/>
      <c r="BL156" s="2"/>
      <c r="BM156" s="2"/>
      <c r="BN156" s="2"/>
      <c r="BO156" s="2"/>
      <c r="BP156" s="2"/>
      <c r="BQ156" s="2"/>
      <c r="BR156" s="2"/>
      <c r="BS156" s="2"/>
      <c r="BT156" s="2"/>
      <c r="BU156" s="2"/>
      <c r="BV156" s="2"/>
      <c r="BW156" s="2"/>
      <c r="BX156" s="2"/>
      <c r="BY156" s="2"/>
      <c r="BZ156" s="2"/>
      <c r="CA156" s="2"/>
      <c r="CB156" s="2"/>
      <c r="CC156" s="2"/>
      <c r="CD156" s="2"/>
      <c r="CE156" s="2"/>
      <c r="CF156" s="2"/>
      <c r="CG156" s="2"/>
      <c r="CH156" s="2"/>
      <c r="CI156" s="2"/>
      <c r="CJ156" s="2"/>
      <c r="CK156" s="2"/>
      <c r="CL156" s="2"/>
      <c r="CM156" s="2"/>
      <c r="CN156" s="2"/>
      <c r="CO156" s="2"/>
      <c r="CP156" s="2"/>
      <c r="CQ156" s="2"/>
      <c r="CR156" s="2"/>
      <c r="CS156" s="2"/>
      <c r="CT156" s="2"/>
      <c r="CU156" s="2"/>
      <c r="CV156" s="2"/>
      <c r="CW156" s="2"/>
      <c r="CX156" s="2"/>
      <c r="CY156" s="2"/>
      <c r="CZ156" s="2"/>
      <c r="DA156" s="2"/>
      <c r="DB156" s="2"/>
      <c r="DC156" s="2"/>
      <c r="DD156" s="2"/>
      <c r="DE156" s="2"/>
      <c r="DF156" s="2"/>
      <c r="DG156" s="2"/>
      <c r="DH156" s="2"/>
      <c r="DI156" s="2"/>
      <c r="DJ156" s="2"/>
      <c r="DK156" s="2"/>
      <c r="DL156" s="2"/>
      <c r="DM156" s="2"/>
      <c r="DN156" s="2"/>
      <c r="DO156" s="2"/>
      <c r="DP156" s="2"/>
      <c r="DQ156" s="2"/>
      <c r="DR156" s="2"/>
      <c r="DS156" s="2"/>
      <c r="DT156" s="2"/>
      <c r="DU156" s="2"/>
      <c r="DV156" s="2"/>
      <c r="DW156" s="2"/>
      <c r="DX156" s="2"/>
      <c r="DY156" s="2"/>
      <c r="DZ156" s="2"/>
      <c r="EA156" s="2"/>
      <c r="EB156" s="2"/>
      <c r="EC156" s="2"/>
      <c r="ED156" s="2"/>
      <c r="EE156" s="2"/>
      <c r="EF156" s="2"/>
      <c r="EG156" s="2"/>
      <c r="EH156" s="2"/>
      <c r="EI156" s="2"/>
      <c r="EJ156" s="2"/>
      <c r="EK156" s="2"/>
      <c r="EL156" s="2"/>
      <c r="EM156" s="2"/>
      <c r="EN156" s="2"/>
      <c r="EO156" s="2"/>
      <c r="EP156" s="2"/>
      <c r="EQ156" s="2"/>
      <c r="ER156" s="2"/>
      <c r="ES156" s="2"/>
      <c r="ET156" s="2"/>
      <c r="EU156" s="2"/>
      <c r="EV156" s="2"/>
      <c r="EW156" s="2"/>
      <c r="EX156" s="2"/>
      <c r="EY156" s="2"/>
      <c r="EZ156" s="2"/>
      <c r="FA156" s="2"/>
      <c r="FB156" s="2"/>
      <c r="FC156" s="2"/>
      <c r="FD156" s="2"/>
      <c r="FE156" s="2"/>
      <c r="FF156" s="2"/>
      <c r="FG156" s="2"/>
      <c r="FH156" s="2"/>
      <c r="FI156" s="2"/>
      <c r="FJ156" s="2"/>
      <c r="FK156" s="2"/>
      <c r="FL156" s="2"/>
      <c r="FM156" s="2"/>
      <c r="FN156" s="2"/>
      <c r="FO156" s="2"/>
      <c r="FP156" s="2"/>
      <c r="FQ156" s="2"/>
      <c r="FR156" s="2"/>
    </row>
    <row r="157" spans="1:174" s="47" customFormat="1" ht="27" customHeight="1">
      <c r="A157" s="11">
        <v>2025</v>
      </c>
      <c r="B157" s="9">
        <v>482</v>
      </c>
      <c r="C157" s="27" t="s">
        <v>415</v>
      </c>
      <c r="D157" s="9" t="s">
        <v>416</v>
      </c>
      <c r="E157" s="9" t="s">
        <v>483</v>
      </c>
      <c r="F157" s="9" t="s">
        <v>484</v>
      </c>
      <c r="G157" s="9" t="s">
        <v>485</v>
      </c>
      <c r="H157" s="9" t="s">
        <v>486</v>
      </c>
      <c r="I157" s="9" t="s">
        <v>487</v>
      </c>
      <c r="J157" s="9">
        <v>79</v>
      </c>
      <c r="K157" s="9">
        <v>6.5</v>
      </c>
      <c r="L157" s="9">
        <v>0</v>
      </c>
      <c r="M157" s="9" t="s">
        <v>86</v>
      </c>
      <c r="N157" s="2" t="s">
        <v>488</v>
      </c>
      <c r="O157" s="9" t="s">
        <v>70</v>
      </c>
      <c r="P157" s="9">
        <v>2.75</v>
      </c>
      <c r="Q157" s="9" t="s">
        <v>89</v>
      </c>
      <c r="R157" s="9" t="s">
        <v>64</v>
      </c>
      <c r="S157" s="9">
        <v>0</v>
      </c>
      <c r="T157" s="9" t="s">
        <v>66</v>
      </c>
      <c r="U157" s="9" t="s">
        <v>66</v>
      </c>
      <c r="V157" s="9" t="s">
        <v>66</v>
      </c>
      <c r="W157" s="9" t="s">
        <v>67</v>
      </c>
      <c r="X157" s="9" t="s">
        <v>66</v>
      </c>
      <c r="Y157" s="9" t="s">
        <v>67</v>
      </c>
      <c r="Z157" s="9" t="s">
        <v>66</v>
      </c>
      <c r="AA157" s="9" t="s">
        <v>66</v>
      </c>
      <c r="AB157" s="9" t="s">
        <v>67</v>
      </c>
      <c r="AC157" s="9" t="s">
        <v>66</v>
      </c>
      <c r="AD157" s="9" t="s">
        <v>67</v>
      </c>
      <c r="AE157" s="9" t="s">
        <v>66</v>
      </c>
      <c r="AF157" s="9" t="s">
        <v>66</v>
      </c>
      <c r="AG157" s="9" t="s">
        <v>66</v>
      </c>
      <c r="AH157" s="9" t="s">
        <v>66</v>
      </c>
      <c r="AI157" s="9" t="s">
        <v>67</v>
      </c>
      <c r="AJ157" s="9" t="s">
        <v>66</v>
      </c>
      <c r="AK157" s="9" t="s">
        <v>66</v>
      </c>
      <c r="AL157" s="9" t="s">
        <v>67</v>
      </c>
      <c r="AM157" s="9" t="s">
        <v>66</v>
      </c>
      <c r="AN157" s="9" t="s">
        <v>67</v>
      </c>
      <c r="AO157" s="9" t="s">
        <v>66</v>
      </c>
      <c r="AP157" s="9" t="s">
        <v>66</v>
      </c>
      <c r="AQ157" s="9" t="s">
        <v>67</v>
      </c>
      <c r="AR157" s="2" t="s">
        <v>489</v>
      </c>
      <c r="AS157" s="9" t="s">
        <v>64</v>
      </c>
      <c r="AT157" s="9" t="s">
        <v>490</v>
      </c>
      <c r="AU157" s="9" t="s">
        <v>151</v>
      </c>
      <c r="AV157" s="9" t="s">
        <v>491</v>
      </c>
      <c r="AW157" s="9" t="s">
        <v>492</v>
      </c>
      <c r="AX157" s="9" t="s">
        <v>493</v>
      </c>
      <c r="AY157" s="9" t="s">
        <v>494</v>
      </c>
      <c r="AZ157" s="9" t="s">
        <v>495</v>
      </c>
      <c r="BA157" s="2"/>
      <c r="BB157" s="2"/>
      <c r="BC157" s="2"/>
      <c r="BD157" s="2"/>
      <c r="BE157" s="2"/>
      <c r="BF157" s="2"/>
      <c r="BG157" s="2"/>
      <c r="BH157" s="2"/>
      <c r="BI157" s="2"/>
      <c r="BJ157" s="2"/>
      <c r="BK157" s="2"/>
      <c r="BL157" s="2"/>
      <c r="BM157" s="2"/>
      <c r="BN157" s="2"/>
      <c r="BO157" s="2"/>
      <c r="BP157" s="2"/>
      <c r="BQ157" s="2"/>
      <c r="BR157" s="2"/>
      <c r="BS157" s="2"/>
      <c r="BT157" s="2"/>
      <c r="BU157" s="2"/>
      <c r="BV157" s="2"/>
      <c r="BW157" s="2"/>
      <c r="BX157" s="2"/>
      <c r="BY157" s="2"/>
      <c r="BZ157" s="2"/>
      <c r="CA157" s="2"/>
      <c r="CB157" s="2"/>
      <c r="CC157" s="2"/>
      <c r="CD157" s="2"/>
      <c r="CE157" s="2"/>
      <c r="CF157" s="2"/>
      <c r="CG157" s="2"/>
      <c r="CH157" s="2"/>
      <c r="CI157" s="2"/>
      <c r="CJ157" s="2"/>
      <c r="CK157" s="2"/>
      <c r="CL157" s="2"/>
      <c r="CM157" s="2"/>
      <c r="CN157" s="2"/>
      <c r="CO157" s="2"/>
      <c r="CP157" s="2"/>
      <c r="CQ157" s="2"/>
      <c r="CR157" s="2"/>
      <c r="CS157" s="2"/>
      <c r="CT157" s="2"/>
      <c r="CU157" s="2"/>
      <c r="CV157" s="2"/>
      <c r="CW157" s="2"/>
      <c r="CX157" s="2"/>
      <c r="CY157" s="2"/>
      <c r="CZ157" s="2"/>
      <c r="DA157" s="2"/>
      <c r="DB157" s="2"/>
      <c r="DC157" s="2"/>
      <c r="DD157" s="2"/>
      <c r="DE157" s="2"/>
      <c r="DF157" s="2"/>
      <c r="DG157" s="2"/>
      <c r="DH157" s="2"/>
      <c r="DI157" s="2"/>
      <c r="DJ157" s="2"/>
      <c r="DK157" s="2"/>
      <c r="DL157" s="2"/>
      <c r="DM157" s="2"/>
      <c r="DN157" s="2"/>
      <c r="DO157" s="2"/>
      <c r="DP157" s="2"/>
      <c r="DQ157" s="2"/>
      <c r="DR157" s="2"/>
      <c r="DS157" s="2"/>
      <c r="DT157" s="2"/>
      <c r="DU157" s="2"/>
      <c r="DV157" s="2"/>
      <c r="DW157" s="2"/>
      <c r="DX157" s="2"/>
      <c r="DY157" s="2"/>
      <c r="DZ157" s="2"/>
      <c r="EA157" s="2"/>
      <c r="EB157" s="2"/>
      <c r="EC157" s="2"/>
      <c r="ED157" s="2"/>
      <c r="EE157" s="2"/>
      <c r="EF157" s="2"/>
      <c r="EG157" s="2"/>
      <c r="EH157" s="2"/>
      <c r="EI157" s="2"/>
      <c r="EJ157" s="2"/>
      <c r="EK157" s="2"/>
      <c r="EL157" s="2"/>
      <c r="EM157" s="2"/>
      <c r="EN157" s="2"/>
      <c r="EO157" s="2"/>
      <c r="EP157" s="2"/>
      <c r="EQ157" s="2"/>
      <c r="ER157" s="2"/>
      <c r="ES157" s="2"/>
      <c r="ET157" s="2"/>
      <c r="EU157" s="2"/>
      <c r="EV157" s="2"/>
      <c r="EW157" s="2"/>
      <c r="EX157" s="2"/>
      <c r="EY157" s="2"/>
      <c r="EZ157" s="2"/>
      <c r="FA157" s="2"/>
      <c r="FB157" s="2"/>
      <c r="FC157" s="2"/>
      <c r="FD157" s="2"/>
      <c r="FE157" s="2"/>
      <c r="FF157" s="2"/>
      <c r="FG157" s="2"/>
      <c r="FH157" s="2"/>
      <c r="FI157" s="2"/>
      <c r="FJ157" s="2"/>
      <c r="FK157" s="2"/>
      <c r="FL157" s="2"/>
      <c r="FM157" s="2"/>
      <c r="FN157" s="2"/>
      <c r="FO157" s="2"/>
      <c r="FP157" s="2"/>
      <c r="FQ157" s="2"/>
      <c r="FR157" s="2"/>
    </row>
    <row r="158" spans="1:174" s="2" customFormat="1" ht="21.75" customHeight="1">
      <c r="A158" s="11">
        <v>2025</v>
      </c>
      <c r="B158" s="9">
        <v>412</v>
      </c>
      <c r="C158" s="27" t="s">
        <v>415</v>
      </c>
      <c r="D158" s="9" t="s">
        <v>416</v>
      </c>
      <c r="E158" s="9" t="s">
        <v>496</v>
      </c>
      <c r="F158" s="9" t="s">
        <v>497</v>
      </c>
      <c r="G158" s="9" t="s">
        <v>498</v>
      </c>
      <c r="H158" s="9" t="s">
        <v>499</v>
      </c>
      <c r="I158" s="9" t="s">
        <v>500</v>
      </c>
      <c r="J158" s="9">
        <v>0</v>
      </c>
      <c r="K158" s="9">
        <v>0</v>
      </c>
      <c r="L158" s="9">
        <v>0</v>
      </c>
      <c r="M158" s="9">
        <v>0</v>
      </c>
      <c r="N158" s="9" t="s">
        <v>501</v>
      </c>
      <c r="O158" s="9" t="s">
        <v>322</v>
      </c>
      <c r="P158" s="9" t="s">
        <v>502</v>
      </c>
      <c r="Q158" s="9" t="s">
        <v>503</v>
      </c>
      <c r="R158" s="9" t="s">
        <v>64</v>
      </c>
      <c r="S158" s="9">
        <v>0</v>
      </c>
      <c r="T158" s="9" t="s">
        <v>65</v>
      </c>
      <c r="U158" s="9" t="s">
        <v>65</v>
      </c>
      <c r="V158" s="9" t="s">
        <v>67</v>
      </c>
      <c r="W158" s="9" t="s">
        <v>67</v>
      </c>
      <c r="X158" s="9" t="s">
        <v>65</v>
      </c>
      <c r="Y158" s="9" t="s">
        <v>65</v>
      </c>
      <c r="Z158" s="9" t="s">
        <v>65</v>
      </c>
      <c r="AA158" s="9" t="s">
        <v>65</v>
      </c>
      <c r="AB158" s="9" t="s">
        <v>65</v>
      </c>
      <c r="AC158" s="9" t="s">
        <v>65</v>
      </c>
      <c r="AD158" s="9" t="s">
        <v>67</v>
      </c>
      <c r="AE158" s="9" t="s">
        <v>65</v>
      </c>
      <c r="AF158" s="9" t="s">
        <v>65</v>
      </c>
      <c r="AG158" s="9" t="s">
        <v>67</v>
      </c>
      <c r="AH158" s="9" t="s">
        <v>67</v>
      </c>
      <c r="AI158" s="9" t="s">
        <v>67</v>
      </c>
      <c r="AJ158" s="9" t="s">
        <v>67</v>
      </c>
      <c r="AK158" s="9" t="s">
        <v>67</v>
      </c>
      <c r="AL158" s="9" t="s">
        <v>67</v>
      </c>
      <c r="AM158" s="9" t="s">
        <v>67</v>
      </c>
      <c r="AN158" s="9" t="s">
        <v>67</v>
      </c>
      <c r="AO158" s="9" t="s">
        <v>67</v>
      </c>
      <c r="AP158" s="9" t="s">
        <v>67</v>
      </c>
      <c r="AQ158" s="9" t="s">
        <v>67</v>
      </c>
      <c r="AR158" s="9" t="s">
        <v>504</v>
      </c>
      <c r="AS158" s="24" t="s">
        <v>90</v>
      </c>
      <c r="AT158" s="9">
        <v>0</v>
      </c>
      <c r="AU158" s="9" t="s">
        <v>108</v>
      </c>
      <c r="AV158" s="9" t="s">
        <v>499</v>
      </c>
      <c r="AW158" s="9" t="s">
        <v>505</v>
      </c>
      <c r="AX158" s="9" t="s">
        <v>506</v>
      </c>
      <c r="AY158" s="9" t="s">
        <v>507</v>
      </c>
      <c r="AZ158" s="9" t="s">
        <v>508</v>
      </c>
    </row>
    <row r="159" spans="1:174" s="47" customFormat="1" ht="27" customHeight="1">
      <c r="A159" s="11">
        <v>2025</v>
      </c>
      <c r="B159" s="9">
        <v>372</v>
      </c>
      <c r="C159" s="27" t="s">
        <v>415</v>
      </c>
      <c r="D159" s="9" t="s">
        <v>416</v>
      </c>
      <c r="E159" s="9" t="s">
        <v>912</v>
      </c>
      <c r="F159" s="9" t="s">
        <v>913</v>
      </c>
      <c r="G159" s="9" t="s">
        <v>914</v>
      </c>
      <c r="H159" s="9" t="s">
        <v>915</v>
      </c>
      <c r="I159" s="9" t="s">
        <v>916</v>
      </c>
      <c r="J159" s="9">
        <v>80</v>
      </c>
      <c r="K159" s="9">
        <v>6.5</v>
      </c>
      <c r="L159" s="9">
        <v>0</v>
      </c>
      <c r="M159" s="9">
        <v>0</v>
      </c>
      <c r="N159" s="9" t="s">
        <v>917</v>
      </c>
      <c r="O159" s="9" t="s">
        <v>70</v>
      </c>
      <c r="P159" s="9" t="s">
        <v>323</v>
      </c>
      <c r="Q159" s="9" t="s">
        <v>539</v>
      </c>
      <c r="R159" s="9" t="s">
        <v>64</v>
      </c>
      <c r="S159" s="9">
        <v>0</v>
      </c>
      <c r="T159" s="9" t="s">
        <v>65</v>
      </c>
      <c r="U159" s="9" t="s">
        <v>65</v>
      </c>
      <c r="V159" s="9" t="s">
        <v>67</v>
      </c>
      <c r="W159" s="9" t="s">
        <v>67</v>
      </c>
      <c r="X159" s="9" t="s">
        <v>65</v>
      </c>
      <c r="Y159" s="9" t="s">
        <v>65</v>
      </c>
      <c r="Z159" s="9" t="s">
        <v>65</v>
      </c>
      <c r="AA159" s="9" t="s">
        <v>65</v>
      </c>
      <c r="AB159" s="9" t="s">
        <v>65</v>
      </c>
      <c r="AC159" s="9" t="s">
        <v>65</v>
      </c>
      <c r="AD159" s="9" t="s">
        <v>65</v>
      </c>
      <c r="AE159" s="9" t="s">
        <v>65</v>
      </c>
      <c r="AF159" s="9" t="s">
        <v>65</v>
      </c>
      <c r="AG159" s="9" t="s">
        <v>65</v>
      </c>
      <c r="AH159" s="9" t="s">
        <v>67</v>
      </c>
      <c r="AI159" s="9" t="s">
        <v>67</v>
      </c>
      <c r="AJ159" s="9" t="s">
        <v>67</v>
      </c>
      <c r="AK159" s="9" t="s">
        <v>67</v>
      </c>
      <c r="AL159" s="9" t="s">
        <v>67</v>
      </c>
      <c r="AM159" s="9" t="s">
        <v>67</v>
      </c>
      <c r="AN159" s="9" t="s">
        <v>67</v>
      </c>
      <c r="AO159" s="9" t="s">
        <v>67</v>
      </c>
      <c r="AP159" s="9" t="s">
        <v>67</v>
      </c>
      <c r="AQ159" s="9" t="s">
        <v>67</v>
      </c>
      <c r="AR159" s="19" t="s">
        <v>918</v>
      </c>
      <c r="AS159" s="9" t="s">
        <v>64</v>
      </c>
      <c r="AT159" s="9" t="s">
        <v>919</v>
      </c>
      <c r="AU159" s="9" t="s">
        <v>108</v>
      </c>
      <c r="AV159" s="9" t="s">
        <v>920</v>
      </c>
      <c r="AW159" s="9" t="s">
        <v>921</v>
      </c>
      <c r="AX159" s="9" t="s">
        <v>922</v>
      </c>
      <c r="AY159" s="9" t="s">
        <v>923</v>
      </c>
      <c r="AZ159" s="9" t="s">
        <v>924</v>
      </c>
      <c r="BA159" s="2"/>
      <c r="BB159" s="2"/>
      <c r="BC159" s="2"/>
      <c r="BD159" s="2"/>
      <c r="BE159" s="2"/>
      <c r="BF159" s="2"/>
      <c r="BG159" s="2"/>
      <c r="BH159" s="2"/>
      <c r="BI159" s="2"/>
      <c r="BJ159" s="2"/>
      <c r="BK159" s="2"/>
      <c r="BL159" s="2"/>
      <c r="BM159" s="2"/>
      <c r="BN159" s="2"/>
      <c r="BO159" s="2"/>
      <c r="BP159" s="2"/>
      <c r="BQ159" s="2"/>
      <c r="BR159" s="2"/>
      <c r="BS159" s="2"/>
      <c r="BT159" s="2"/>
      <c r="BU159" s="2"/>
      <c r="BV159" s="2"/>
      <c r="BW159" s="2"/>
      <c r="BX159" s="2"/>
      <c r="BY159" s="2"/>
      <c r="BZ159" s="2"/>
      <c r="CA159" s="2"/>
      <c r="CB159" s="2"/>
      <c r="CC159" s="2"/>
      <c r="CD159" s="2"/>
      <c r="CE159" s="2"/>
      <c r="CF159" s="2"/>
      <c r="CG159" s="2"/>
      <c r="CH159" s="2"/>
      <c r="CI159" s="2"/>
      <c r="CJ159" s="2"/>
      <c r="CK159" s="2"/>
      <c r="CL159" s="2"/>
      <c r="CM159" s="2"/>
      <c r="CN159" s="2"/>
      <c r="CO159" s="2"/>
      <c r="CP159" s="2"/>
      <c r="CQ159" s="2"/>
      <c r="CR159" s="2"/>
      <c r="CS159" s="2"/>
      <c r="CT159" s="2"/>
      <c r="CU159" s="2"/>
      <c r="CV159" s="2"/>
      <c r="CW159" s="2"/>
      <c r="CX159" s="2"/>
      <c r="CY159" s="2"/>
      <c r="CZ159" s="2"/>
      <c r="DA159" s="2"/>
      <c r="DB159" s="2"/>
      <c r="DC159" s="2"/>
      <c r="DD159" s="2"/>
      <c r="DE159" s="2"/>
      <c r="DF159" s="2"/>
      <c r="DG159" s="2"/>
      <c r="DH159" s="2"/>
      <c r="DI159" s="2"/>
      <c r="DJ159" s="2"/>
      <c r="DK159" s="2"/>
      <c r="DL159" s="2"/>
      <c r="DM159" s="2"/>
      <c r="DN159" s="2"/>
      <c r="DO159" s="2"/>
      <c r="DP159" s="2"/>
      <c r="DQ159" s="2"/>
      <c r="DR159" s="2"/>
      <c r="DS159" s="2"/>
      <c r="DT159" s="2"/>
      <c r="DU159" s="2"/>
      <c r="DV159" s="2"/>
      <c r="DW159" s="2"/>
      <c r="DX159" s="2"/>
      <c r="DY159" s="2"/>
      <c r="DZ159" s="2"/>
      <c r="EA159" s="2"/>
      <c r="EB159" s="2"/>
      <c r="EC159" s="2"/>
      <c r="ED159" s="2"/>
      <c r="EE159" s="2"/>
      <c r="EF159" s="2"/>
      <c r="EG159" s="2"/>
      <c r="EH159" s="2"/>
      <c r="EI159" s="2"/>
      <c r="EJ159" s="2"/>
      <c r="EK159" s="2"/>
      <c r="EL159" s="2"/>
      <c r="EM159" s="2"/>
      <c r="EN159" s="2"/>
      <c r="EO159" s="2"/>
      <c r="EP159" s="2"/>
      <c r="EQ159" s="2"/>
      <c r="ER159" s="2"/>
      <c r="ES159" s="2"/>
      <c r="ET159" s="2"/>
      <c r="EU159" s="2"/>
      <c r="EV159" s="2"/>
      <c r="EW159" s="2"/>
      <c r="EX159" s="2"/>
      <c r="EY159" s="2"/>
      <c r="EZ159" s="2"/>
      <c r="FA159" s="2"/>
      <c r="FB159" s="2"/>
      <c r="FC159" s="2"/>
      <c r="FD159" s="2"/>
      <c r="FE159" s="2"/>
      <c r="FF159" s="2"/>
      <c r="FG159" s="2"/>
      <c r="FH159" s="2"/>
      <c r="FI159" s="2"/>
      <c r="FJ159" s="2"/>
      <c r="FK159" s="2"/>
      <c r="FL159" s="2"/>
      <c r="FM159" s="2"/>
      <c r="FN159" s="2"/>
      <c r="FO159" s="2"/>
      <c r="FP159" s="2"/>
      <c r="FQ159" s="2"/>
      <c r="FR159" s="2"/>
    </row>
    <row r="160" spans="1:174" s="47" customFormat="1" ht="27" customHeight="1">
      <c r="A160" s="11">
        <v>2025</v>
      </c>
      <c r="B160" s="9">
        <v>370</v>
      </c>
      <c r="C160" s="27" t="s">
        <v>415</v>
      </c>
      <c r="D160" s="9" t="s">
        <v>416</v>
      </c>
      <c r="E160" s="9" t="s">
        <v>1120</v>
      </c>
      <c r="F160" s="9" t="s">
        <v>1121</v>
      </c>
      <c r="G160" s="9" t="s">
        <v>1122</v>
      </c>
      <c r="H160" s="9" t="s">
        <v>1123</v>
      </c>
      <c r="I160" s="9" t="s">
        <v>1124</v>
      </c>
      <c r="J160" s="9">
        <v>70</v>
      </c>
      <c r="K160" s="9">
        <v>6</v>
      </c>
      <c r="L160" s="9">
        <v>0</v>
      </c>
      <c r="M160" s="9">
        <v>0</v>
      </c>
      <c r="N160" s="9" t="s">
        <v>1125</v>
      </c>
      <c r="O160" s="9" t="s">
        <v>70</v>
      </c>
      <c r="P160" s="9" t="s">
        <v>1126</v>
      </c>
      <c r="Q160" s="9" t="s">
        <v>539</v>
      </c>
      <c r="R160" s="9" t="s">
        <v>64</v>
      </c>
      <c r="S160" s="9">
        <v>0</v>
      </c>
      <c r="T160" s="9" t="s">
        <v>65</v>
      </c>
      <c r="U160" s="9" t="s">
        <v>65</v>
      </c>
      <c r="V160" s="9" t="s">
        <v>67</v>
      </c>
      <c r="W160" s="9" t="s">
        <v>67</v>
      </c>
      <c r="X160" s="9" t="s">
        <v>65</v>
      </c>
      <c r="Y160" s="9" t="s">
        <v>65</v>
      </c>
      <c r="Z160" s="9" t="s">
        <v>65</v>
      </c>
      <c r="AA160" s="9" t="s">
        <v>65</v>
      </c>
      <c r="AB160" s="9" t="s">
        <v>65</v>
      </c>
      <c r="AC160" s="9" t="s">
        <v>65</v>
      </c>
      <c r="AD160" s="9" t="s">
        <v>68</v>
      </c>
      <c r="AE160" s="9" t="s">
        <v>65</v>
      </c>
      <c r="AF160" s="9" t="s">
        <v>65</v>
      </c>
      <c r="AG160" s="9" t="s">
        <v>65</v>
      </c>
      <c r="AH160" s="9"/>
      <c r="AI160" s="9"/>
      <c r="AJ160" s="9"/>
      <c r="AK160" s="9"/>
      <c r="AL160" s="9"/>
      <c r="AM160" s="9"/>
      <c r="AN160" s="9"/>
      <c r="AO160" s="9"/>
      <c r="AP160" s="9"/>
      <c r="AQ160" s="9"/>
      <c r="AR160" s="9" t="s">
        <v>1127</v>
      </c>
      <c r="AS160" s="9" t="s">
        <v>64</v>
      </c>
      <c r="AT160" s="9" t="s">
        <v>1128</v>
      </c>
      <c r="AU160" s="9" t="s">
        <v>108</v>
      </c>
      <c r="AV160" s="9" t="s">
        <v>1129</v>
      </c>
      <c r="AW160" s="9" t="s">
        <v>352</v>
      </c>
      <c r="AX160" s="9" t="s">
        <v>581</v>
      </c>
      <c r="AY160" s="9" t="s">
        <v>1130</v>
      </c>
      <c r="AZ160" s="9" t="s">
        <v>1131</v>
      </c>
      <c r="BA160" s="2"/>
      <c r="BB160" s="2"/>
      <c r="BC160" s="2"/>
      <c r="BD160" s="2"/>
      <c r="BE160" s="2"/>
      <c r="BF160" s="2"/>
      <c r="BG160" s="2"/>
      <c r="BH160" s="2"/>
      <c r="BI160" s="2"/>
      <c r="BJ160" s="2"/>
      <c r="BK160" s="2"/>
      <c r="BL160" s="2"/>
      <c r="BM160" s="2"/>
      <c r="BN160" s="2"/>
      <c r="BO160" s="2"/>
      <c r="BP160" s="2"/>
      <c r="BQ160" s="2"/>
      <c r="BR160" s="2"/>
      <c r="BS160" s="2"/>
      <c r="BT160" s="2"/>
      <c r="BU160" s="2"/>
      <c r="BV160" s="2"/>
      <c r="BW160" s="2"/>
      <c r="BX160" s="2"/>
      <c r="BY160" s="2"/>
      <c r="BZ160" s="2"/>
      <c r="CA160" s="2"/>
      <c r="CB160" s="2"/>
      <c r="CC160" s="2"/>
      <c r="CD160" s="2"/>
      <c r="CE160" s="2"/>
      <c r="CF160" s="2"/>
      <c r="CG160" s="2"/>
      <c r="CH160" s="2"/>
      <c r="CI160" s="2"/>
      <c r="CJ160" s="2"/>
      <c r="CK160" s="2"/>
      <c r="CL160" s="2"/>
      <c r="CM160" s="2"/>
      <c r="CN160" s="2"/>
      <c r="CO160" s="2"/>
      <c r="CP160" s="2"/>
      <c r="CQ160" s="2"/>
      <c r="CR160" s="2"/>
      <c r="CS160" s="2"/>
      <c r="CT160" s="2"/>
      <c r="CU160" s="2"/>
      <c r="CV160" s="2"/>
      <c r="CW160" s="2"/>
      <c r="CX160" s="2"/>
      <c r="CY160" s="2"/>
      <c r="CZ160" s="2"/>
      <c r="DA160" s="2"/>
      <c r="DB160" s="2"/>
      <c r="DC160" s="2"/>
      <c r="DD160" s="2"/>
      <c r="DE160" s="2"/>
      <c r="DF160" s="2"/>
      <c r="DG160" s="2"/>
      <c r="DH160" s="2"/>
      <c r="DI160" s="2"/>
      <c r="DJ160" s="2"/>
      <c r="DK160" s="2"/>
      <c r="DL160" s="2"/>
      <c r="DM160" s="2"/>
      <c r="DN160" s="2"/>
      <c r="DO160" s="2"/>
      <c r="DP160" s="2"/>
      <c r="DQ160" s="2"/>
      <c r="DR160" s="2"/>
      <c r="DS160" s="2"/>
      <c r="DT160" s="2"/>
      <c r="DU160" s="2"/>
      <c r="DV160" s="2"/>
      <c r="DW160" s="2"/>
      <c r="DX160" s="2"/>
      <c r="DY160" s="2"/>
      <c r="DZ160" s="2"/>
      <c r="EA160" s="2"/>
      <c r="EB160" s="2"/>
      <c r="EC160" s="2"/>
      <c r="ED160" s="2"/>
      <c r="EE160" s="2"/>
      <c r="EF160" s="2"/>
      <c r="EG160" s="2"/>
      <c r="EH160" s="2"/>
      <c r="EI160" s="2"/>
      <c r="EJ160" s="2"/>
      <c r="EK160" s="2"/>
      <c r="EL160" s="2"/>
      <c r="EM160" s="2"/>
      <c r="EN160" s="2"/>
      <c r="EO160" s="2"/>
      <c r="EP160" s="2"/>
      <c r="EQ160" s="2"/>
      <c r="ER160" s="2"/>
      <c r="ES160" s="2"/>
      <c r="ET160" s="2"/>
      <c r="EU160" s="2"/>
      <c r="EV160" s="2"/>
      <c r="EW160" s="2"/>
      <c r="EX160" s="2"/>
      <c r="EY160" s="2"/>
      <c r="EZ160" s="2"/>
      <c r="FA160" s="2"/>
      <c r="FB160" s="2"/>
      <c r="FC160" s="2"/>
      <c r="FD160" s="2"/>
      <c r="FE160" s="2"/>
      <c r="FF160" s="2"/>
      <c r="FG160" s="2"/>
      <c r="FH160" s="2"/>
      <c r="FI160" s="2"/>
      <c r="FJ160" s="2"/>
      <c r="FK160" s="2"/>
      <c r="FL160" s="2"/>
      <c r="FM160" s="2"/>
      <c r="FN160" s="2"/>
      <c r="FO160" s="2"/>
      <c r="FP160" s="2"/>
      <c r="FQ160" s="2"/>
      <c r="FR160" s="2"/>
    </row>
    <row r="161" spans="1:174" s="47" customFormat="1" ht="27" customHeight="1">
      <c r="A161" s="11">
        <v>2025</v>
      </c>
      <c r="B161" s="9">
        <v>101</v>
      </c>
      <c r="C161" s="27" t="s">
        <v>415</v>
      </c>
      <c r="D161" s="9" t="s">
        <v>416</v>
      </c>
      <c r="E161" s="9" t="s">
        <v>1481</v>
      </c>
      <c r="F161" s="9" t="s">
        <v>1482</v>
      </c>
      <c r="G161" s="9" t="s">
        <v>1483</v>
      </c>
      <c r="H161" s="43" t="s">
        <v>1484</v>
      </c>
      <c r="I161" s="9" t="s">
        <v>1485</v>
      </c>
      <c r="J161" s="9">
        <v>61</v>
      </c>
      <c r="K161" s="9">
        <v>5.5</v>
      </c>
      <c r="L161" s="9">
        <v>785</v>
      </c>
      <c r="M161" s="9">
        <v>0</v>
      </c>
      <c r="N161" s="2" t="s">
        <v>1486</v>
      </c>
      <c r="O161" s="9" t="s">
        <v>70</v>
      </c>
      <c r="P161" s="9" t="s">
        <v>1487</v>
      </c>
      <c r="Q161" s="9" t="s">
        <v>539</v>
      </c>
      <c r="R161" s="9" t="s">
        <v>64</v>
      </c>
      <c r="S161" s="9">
        <v>0</v>
      </c>
      <c r="T161" s="9" t="s">
        <v>65</v>
      </c>
      <c r="U161" s="9" t="s">
        <v>65</v>
      </c>
      <c r="V161" s="9" t="s">
        <v>65</v>
      </c>
      <c r="W161" s="9" t="s">
        <v>67</v>
      </c>
      <c r="X161" s="9" t="s">
        <v>65</v>
      </c>
      <c r="Y161" s="9" t="s">
        <v>65</v>
      </c>
      <c r="Z161" s="9" t="s">
        <v>65</v>
      </c>
      <c r="AA161" s="9" t="s">
        <v>65</v>
      </c>
      <c r="AB161" s="9" t="s">
        <v>65</v>
      </c>
      <c r="AC161" s="9" t="s">
        <v>65</v>
      </c>
      <c r="AD161" s="9" t="s">
        <v>67</v>
      </c>
      <c r="AE161" s="9" t="s">
        <v>65</v>
      </c>
      <c r="AF161" s="9" t="s">
        <v>65</v>
      </c>
      <c r="AG161" s="9" t="s">
        <v>67</v>
      </c>
      <c r="AH161" s="9" t="s">
        <v>67</v>
      </c>
      <c r="AI161" s="9" t="s">
        <v>67</v>
      </c>
      <c r="AJ161" s="9" t="s">
        <v>65</v>
      </c>
      <c r="AK161" s="9" t="s">
        <v>67</v>
      </c>
      <c r="AL161" s="9" t="s">
        <v>67</v>
      </c>
      <c r="AM161" s="9" t="s">
        <v>65</v>
      </c>
      <c r="AN161" s="9" t="s">
        <v>67</v>
      </c>
      <c r="AO161" s="9" t="s">
        <v>67</v>
      </c>
      <c r="AP161" s="9" t="s">
        <v>65</v>
      </c>
      <c r="AQ161" s="9" t="s">
        <v>67</v>
      </c>
      <c r="AR161" s="2" t="s">
        <v>1488</v>
      </c>
      <c r="AS161" s="24" t="s">
        <v>90</v>
      </c>
      <c r="AT161" s="9" t="s">
        <v>1489</v>
      </c>
      <c r="AU161" s="9" t="s">
        <v>162</v>
      </c>
      <c r="AV161" s="9" t="s">
        <v>1490</v>
      </c>
      <c r="AW161" s="44" t="s">
        <v>1491</v>
      </c>
      <c r="AX161" s="9" t="s">
        <v>1492</v>
      </c>
      <c r="AY161" s="9" t="s">
        <v>1493</v>
      </c>
      <c r="AZ161" s="9" t="s">
        <v>1494</v>
      </c>
      <c r="BA161" s="2"/>
      <c r="BB161" s="2"/>
      <c r="BC161" s="2"/>
      <c r="BD161" s="2"/>
      <c r="BE161" s="2"/>
      <c r="BF161" s="2"/>
      <c r="BG161" s="2"/>
      <c r="BH161" s="2"/>
      <c r="BI161" s="2"/>
      <c r="BJ161" s="2"/>
      <c r="BK161" s="2"/>
      <c r="BL161" s="2"/>
      <c r="BM161" s="2"/>
      <c r="BN161" s="2"/>
      <c r="BO161" s="2"/>
      <c r="BP161" s="2"/>
      <c r="BQ161" s="2"/>
      <c r="BR161" s="2"/>
      <c r="BS161" s="2"/>
      <c r="BT161" s="2"/>
      <c r="BU161" s="2"/>
      <c r="BV161" s="2"/>
      <c r="BW161" s="2"/>
      <c r="BX161" s="2"/>
      <c r="BY161" s="2"/>
      <c r="BZ161" s="2"/>
      <c r="CA161" s="2"/>
      <c r="CB161" s="2"/>
      <c r="CC161" s="2"/>
      <c r="CD161" s="2"/>
      <c r="CE161" s="2"/>
      <c r="CF161" s="2"/>
      <c r="CG161" s="2"/>
      <c r="CH161" s="2"/>
      <c r="CI161" s="2"/>
      <c r="CJ161" s="2"/>
      <c r="CK161" s="2"/>
      <c r="CL161" s="2"/>
      <c r="CM161" s="2"/>
      <c r="CN161" s="2"/>
      <c r="CO161" s="2"/>
      <c r="CP161" s="2"/>
      <c r="CQ161" s="2"/>
      <c r="CR161" s="2"/>
      <c r="CS161" s="2"/>
      <c r="CT161" s="2"/>
      <c r="CU161" s="2"/>
      <c r="CV161" s="2"/>
      <c r="CW161" s="2"/>
      <c r="CX161" s="2"/>
      <c r="CY161" s="2"/>
      <c r="CZ161" s="2"/>
      <c r="DA161" s="2"/>
      <c r="DB161" s="2"/>
      <c r="DC161" s="2"/>
      <c r="DD161" s="2"/>
      <c r="DE161" s="2"/>
      <c r="DF161" s="2"/>
      <c r="DG161" s="2"/>
      <c r="DH161" s="2"/>
      <c r="DI161" s="2"/>
      <c r="DJ161" s="2"/>
      <c r="DK161" s="2"/>
      <c r="DL161" s="2"/>
      <c r="DM161" s="2"/>
      <c r="DN161" s="2"/>
      <c r="DO161" s="2"/>
      <c r="DP161" s="2"/>
      <c r="DQ161" s="2"/>
      <c r="DR161" s="2"/>
      <c r="DS161" s="2"/>
      <c r="DT161" s="2"/>
      <c r="DU161" s="2"/>
      <c r="DV161" s="2"/>
      <c r="DW161" s="2"/>
      <c r="DX161" s="2"/>
      <c r="DY161" s="2"/>
      <c r="DZ161" s="2"/>
      <c r="EA161" s="2"/>
      <c r="EB161" s="2"/>
      <c r="EC161" s="2"/>
      <c r="ED161" s="2"/>
      <c r="EE161" s="2"/>
      <c r="EF161" s="2"/>
      <c r="EG161" s="2"/>
      <c r="EH161" s="2"/>
      <c r="EI161" s="2"/>
      <c r="EJ161" s="2"/>
      <c r="EK161" s="2"/>
      <c r="EL161" s="2"/>
      <c r="EM161" s="2"/>
      <c r="EN161" s="2"/>
      <c r="EO161" s="2"/>
      <c r="EP161" s="2"/>
      <c r="EQ161" s="2"/>
      <c r="ER161" s="2"/>
      <c r="ES161" s="2"/>
      <c r="ET161" s="2"/>
      <c r="EU161" s="2"/>
      <c r="EV161" s="2"/>
      <c r="EW161" s="2"/>
      <c r="EX161" s="2"/>
      <c r="EY161" s="2"/>
      <c r="EZ161" s="2"/>
      <c r="FA161" s="2"/>
      <c r="FB161" s="2"/>
      <c r="FC161" s="2"/>
      <c r="FD161" s="2"/>
      <c r="FE161" s="2"/>
      <c r="FF161" s="2"/>
      <c r="FG161" s="2"/>
      <c r="FH161" s="2"/>
      <c r="FI161" s="2"/>
      <c r="FJ161" s="2"/>
      <c r="FK161" s="2"/>
      <c r="FL161" s="2"/>
      <c r="FM161" s="2"/>
      <c r="FN161" s="2"/>
      <c r="FO161" s="2"/>
      <c r="FP161" s="2"/>
      <c r="FQ161" s="2"/>
      <c r="FR161" s="2"/>
    </row>
    <row r="162" spans="1:174" s="2" customFormat="1" ht="21.75" customHeight="1">
      <c r="A162" s="18">
        <v>2025</v>
      </c>
      <c r="B162" s="13">
        <v>138</v>
      </c>
      <c r="C162" s="27" t="s">
        <v>415</v>
      </c>
      <c r="D162" s="13" t="s">
        <v>416</v>
      </c>
      <c r="E162" s="13" t="s">
        <v>1523</v>
      </c>
      <c r="F162" s="9" t="s">
        <v>1524</v>
      </c>
      <c r="G162" s="13" t="s">
        <v>1525</v>
      </c>
      <c r="H162" s="19" t="s">
        <v>1526</v>
      </c>
      <c r="I162" s="41" t="s">
        <v>1527</v>
      </c>
      <c r="J162" s="13" t="s">
        <v>1528</v>
      </c>
      <c r="K162" s="13">
        <v>5.5</v>
      </c>
      <c r="L162" s="13" t="s">
        <v>1529</v>
      </c>
      <c r="M162" s="13" t="s">
        <v>134</v>
      </c>
      <c r="N162" s="13"/>
      <c r="O162" s="13" t="s">
        <v>121</v>
      </c>
      <c r="P162" s="13" t="s">
        <v>1530</v>
      </c>
      <c r="Q162" s="13" t="s">
        <v>89</v>
      </c>
      <c r="R162" s="13"/>
      <c r="S162" s="13"/>
      <c r="T162" s="13" t="s">
        <v>66</v>
      </c>
      <c r="U162" s="13" t="s">
        <v>66</v>
      </c>
      <c r="V162" s="13"/>
      <c r="W162" s="13"/>
      <c r="X162" s="13"/>
      <c r="Y162" s="13" t="s">
        <v>66</v>
      </c>
      <c r="Z162" s="13" t="s">
        <v>66</v>
      </c>
      <c r="AA162" s="13"/>
      <c r="AB162" s="13"/>
      <c r="AC162" s="13" t="s">
        <v>66</v>
      </c>
      <c r="AD162" s="13"/>
      <c r="AE162" s="13" t="s">
        <v>66</v>
      </c>
      <c r="AF162" s="13" t="s">
        <v>66</v>
      </c>
      <c r="AG162" s="13"/>
      <c r="AH162" s="13"/>
      <c r="AI162" s="13"/>
      <c r="AJ162" s="13"/>
      <c r="AK162" s="13"/>
      <c r="AL162" s="13"/>
      <c r="AM162" s="13"/>
      <c r="AN162" s="13"/>
      <c r="AO162" s="13"/>
      <c r="AP162" s="13"/>
      <c r="AQ162" s="13"/>
      <c r="AR162" s="14" t="s">
        <v>1531</v>
      </c>
      <c r="AS162" s="13" t="s">
        <v>64</v>
      </c>
      <c r="AT162" s="13" t="s">
        <v>1532</v>
      </c>
      <c r="AU162" s="13" t="s">
        <v>437</v>
      </c>
      <c r="AV162" s="19" t="s">
        <v>1533</v>
      </c>
      <c r="AW162" s="25">
        <v>45926</v>
      </c>
      <c r="AX162" s="25">
        <v>45954</v>
      </c>
      <c r="AY162" s="25">
        <v>46129</v>
      </c>
      <c r="AZ162" s="25">
        <v>46150</v>
      </c>
      <c r="BA162" s="15"/>
    </row>
    <row r="163" spans="1:174" s="47" customFormat="1" ht="27" customHeight="1">
      <c r="A163" s="18">
        <v>2021</v>
      </c>
      <c r="B163" s="13">
        <v>381</v>
      </c>
      <c r="C163" s="27" t="s">
        <v>415</v>
      </c>
      <c r="D163" s="13" t="s">
        <v>416</v>
      </c>
      <c r="E163" s="13" t="s">
        <v>1534</v>
      </c>
      <c r="F163" s="9" t="s">
        <v>1535</v>
      </c>
      <c r="G163" s="13" t="s">
        <v>1536</v>
      </c>
      <c r="H163" s="14" t="s">
        <v>1537</v>
      </c>
      <c r="I163" s="13" t="s">
        <v>359</v>
      </c>
      <c r="J163" s="13">
        <v>80</v>
      </c>
      <c r="K163" s="13">
        <v>6</v>
      </c>
      <c r="L163" s="13" t="s">
        <v>134</v>
      </c>
      <c r="M163" s="13" t="s">
        <v>134</v>
      </c>
      <c r="N163" s="19" t="s">
        <v>1538</v>
      </c>
      <c r="O163" s="19"/>
      <c r="P163" s="13" t="s">
        <v>1231</v>
      </c>
      <c r="Q163" s="13" t="s">
        <v>424</v>
      </c>
      <c r="R163" s="13"/>
      <c r="S163" s="13"/>
      <c r="T163" s="13" t="s">
        <v>66</v>
      </c>
      <c r="U163" s="13" t="s">
        <v>66</v>
      </c>
      <c r="V163" s="13"/>
      <c r="W163" s="13"/>
      <c r="X163" s="13"/>
      <c r="Y163" s="13"/>
      <c r="Z163" s="13"/>
      <c r="AA163" s="13"/>
      <c r="AB163" s="13"/>
      <c r="AC163" s="13"/>
      <c r="AD163" s="13" t="s">
        <v>66</v>
      </c>
      <c r="AE163" s="13"/>
      <c r="AF163" s="13"/>
      <c r="AG163" s="13" t="s">
        <v>66</v>
      </c>
      <c r="AH163" s="13"/>
      <c r="AI163" s="13"/>
      <c r="AJ163" s="13"/>
      <c r="AK163" s="13"/>
      <c r="AL163" s="13"/>
      <c r="AM163" s="13"/>
      <c r="AN163" s="13"/>
      <c r="AO163" s="13"/>
      <c r="AP163" s="13"/>
      <c r="AQ163" s="13"/>
      <c r="AR163" s="19" t="s">
        <v>1539</v>
      </c>
      <c r="AS163" s="13" t="s">
        <v>435</v>
      </c>
      <c r="AT163" s="19" t="s">
        <v>1540</v>
      </c>
      <c r="AU163" s="25" t="s">
        <v>361</v>
      </c>
      <c r="AV163" s="19"/>
      <c r="AW163" s="25" t="s">
        <v>361</v>
      </c>
      <c r="AX163" s="25" t="s">
        <v>361</v>
      </c>
      <c r="AY163" s="25" t="s">
        <v>361</v>
      </c>
      <c r="AZ163" s="25" t="s">
        <v>361</v>
      </c>
      <c r="BA163" s="15"/>
      <c r="BB163" s="2"/>
      <c r="BC163" s="2"/>
      <c r="BD163" s="2"/>
      <c r="BE163" s="2"/>
      <c r="BF163" s="2"/>
      <c r="BG163" s="2"/>
      <c r="BH163" s="2"/>
      <c r="BI163" s="2"/>
      <c r="BJ163" s="2"/>
      <c r="BK163" s="2"/>
      <c r="BL163" s="2"/>
      <c r="BM163" s="2"/>
      <c r="BN163" s="2"/>
      <c r="BO163" s="2"/>
      <c r="BP163" s="2"/>
      <c r="BQ163" s="2"/>
      <c r="BR163" s="2"/>
      <c r="BS163" s="2"/>
      <c r="BT163" s="2"/>
      <c r="BU163" s="2"/>
      <c r="BV163" s="2"/>
      <c r="BW163" s="2"/>
      <c r="BX163" s="2"/>
      <c r="BY163" s="2"/>
      <c r="BZ163" s="2"/>
      <c r="CA163" s="2"/>
      <c r="CB163" s="2"/>
      <c r="CC163" s="2"/>
      <c r="CD163" s="2"/>
      <c r="CE163" s="2"/>
      <c r="CF163" s="2"/>
      <c r="CG163" s="2"/>
      <c r="CH163" s="2"/>
      <c r="CI163" s="2"/>
      <c r="CJ163" s="2"/>
      <c r="CK163" s="2"/>
      <c r="CL163" s="2"/>
      <c r="CM163" s="2"/>
      <c r="CN163" s="2"/>
      <c r="CO163" s="2"/>
      <c r="CP163" s="2"/>
      <c r="CQ163" s="2"/>
      <c r="CR163" s="2"/>
      <c r="CS163" s="2"/>
      <c r="CT163" s="2"/>
      <c r="CU163" s="2"/>
      <c r="CV163" s="2"/>
      <c r="CW163" s="2"/>
      <c r="CX163" s="2"/>
      <c r="CY163" s="2"/>
      <c r="CZ163" s="2"/>
      <c r="DA163" s="2"/>
      <c r="DB163" s="2"/>
      <c r="DC163" s="2"/>
      <c r="DD163" s="2"/>
      <c r="DE163" s="2"/>
      <c r="DF163" s="2"/>
      <c r="DG163" s="2"/>
      <c r="DH163" s="2"/>
      <c r="DI163" s="2"/>
      <c r="DJ163" s="2"/>
      <c r="DK163" s="2"/>
      <c r="DL163" s="2"/>
      <c r="DM163" s="2"/>
      <c r="DN163" s="2"/>
      <c r="DO163" s="2"/>
      <c r="DP163" s="2"/>
      <c r="DQ163" s="2"/>
      <c r="DR163" s="2"/>
      <c r="DS163" s="2"/>
      <c r="DT163" s="2"/>
      <c r="DU163" s="2"/>
      <c r="DV163" s="2"/>
      <c r="DW163" s="2"/>
      <c r="DX163" s="2"/>
      <c r="DY163" s="2"/>
      <c r="DZ163" s="2"/>
      <c r="EA163" s="2"/>
      <c r="EB163" s="2"/>
      <c r="EC163" s="2"/>
      <c r="ED163" s="2"/>
      <c r="EE163" s="2"/>
      <c r="EF163" s="2"/>
      <c r="EG163" s="2"/>
      <c r="EH163" s="2"/>
      <c r="EI163" s="2"/>
      <c r="EJ163" s="2"/>
      <c r="EK163" s="2"/>
      <c r="EL163" s="2"/>
      <c r="EM163" s="2"/>
      <c r="EN163" s="2"/>
      <c r="EO163" s="2"/>
      <c r="EP163" s="2"/>
      <c r="EQ163" s="2"/>
      <c r="ER163" s="2"/>
      <c r="ES163" s="2"/>
      <c r="ET163" s="2"/>
      <c r="EU163" s="2"/>
      <c r="EV163" s="2"/>
      <c r="EW163" s="2"/>
      <c r="EX163" s="2"/>
      <c r="EY163" s="2"/>
      <c r="EZ163" s="2"/>
      <c r="FA163" s="2"/>
      <c r="FB163" s="2"/>
      <c r="FC163" s="2"/>
      <c r="FD163" s="2"/>
      <c r="FE163" s="2"/>
      <c r="FF163" s="2"/>
      <c r="FG163" s="2"/>
      <c r="FH163" s="2"/>
      <c r="FI163" s="2"/>
      <c r="FJ163" s="2"/>
      <c r="FK163" s="2"/>
      <c r="FL163" s="2"/>
      <c r="FM163" s="2"/>
      <c r="FN163" s="2"/>
      <c r="FO163" s="2"/>
      <c r="FP163" s="2"/>
      <c r="FQ163" s="2"/>
      <c r="FR163" s="2"/>
    </row>
    <row r="164" spans="1:174" s="67" customFormat="1" ht="27" customHeight="1">
      <c r="A164" s="63">
        <v>2024</v>
      </c>
      <c r="B164" s="63">
        <v>489</v>
      </c>
      <c r="C164" s="63" t="s">
        <v>415</v>
      </c>
      <c r="D164" s="63" t="s">
        <v>416</v>
      </c>
      <c r="E164" s="63" t="s">
        <v>1572</v>
      </c>
      <c r="F164" s="64" t="s">
        <v>1573</v>
      </c>
      <c r="G164" s="63" t="s">
        <v>1574</v>
      </c>
      <c r="H164" s="65" t="s">
        <v>1575</v>
      </c>
      <c r="I164" s="63" t="s">
        <v>1576</v>
      </c>
      <c r="J164" s="63">
        <v>61</v>
      </c>
      <c r="K164" s="63">
        <v>5.5</v>
      </c>
      <c r="L164" s="63" t="s">
        <v>134</v>
      </c>
      <c r="M164" s="63" t="s">
        <v>134</v>
      </c>
      <c r="N164" s="63" t="s">
        <v>67</v>
      </c>
      <c r="O164" s="63"/>
      <c r="P164" s="63" t="s">
        <v>1577</v>
      </c>
      <c r="Q164" s="63" t="s">
        <v>89</v>
      </c>
      <c r="R164" s="63"/>
      <c r="S164" s="63"/>
      <c r="T164" s="63" t="s">
        <v>66</v>
      </c>
      <c r="U164" s="63" t="s">
        <v>66</v>
      </c>
      <c r="V164" s="63" t="s">
        <v>66</v>
      </c>
      <c r="W164" s="63" t="s">
        <v>67</v>
      </c>
      <c r="X164" s="63" t="s">
        <v>67</v>
      </c>
      <c r="Y164" s="63" t="s">
        <v>66</v>
      </c>
      <c r="Z164" s="63" t="s">
        <v>66</v>
      </c>
      <c r="AA164" s="63" t="s">
        <v>67</v>
      </c>
      <c r="AB164" s="63" t="s">
        <v>67</v>
      </c>
      <c r="AC164" s="63" t="s">
        <v>66</v>
      </c>
      <c r="AD164" s="63" t="s">
        <v>67</v>
      </c>
      <c r="AE164" s="63" t="s">
        <v>67</v>
      </c>
      <c r="AF164" s="63" t="s">
        <v>66</v>
      </c>
      <c r="AG164" s="63" t="s">
        <v>67</v>
      </c>
      <c r="AH164" s="63" t="s">
        <v>67</v>
      </c>
      <c r="AI164" s="63" t="s">
        <v>67</v>
      </c>
      <c r="AJ164" s="63" t="s">
        <v>67</v>
      </c>
      <c r="AK164" s="63" t="s">
        <v>67</v>
      </c>
      <c r="AL164" s="63" t="s">
        <v>67</v>
      </c>
      <c r="AM164" s="63" t="s">
        <v>67</v>
      </c>
      <c r="AN164" s="63" t="s">
        <v>67</v>
      </c>
      <c r="AO164" s="63" t="s">
        <v>67</v>
      </c>
      <c r="AP164" s="63" t="s">
        <v>67</v>
      </c>
      <c r="AQ164" s="63" t="s">
        <v>67</v>
      </c>
      <c r="AR164" s="65" t="s">
        <v>1578</v>
      </c>
      <c r="AS164" s="63" t="s">
        <v>64</v>
      </c>
      <c r="AT164" s="63" t="s">
        <v>1579</v>
      </c>
      <c r="AU164" s="63" t="s">
        <v>769</v>
      </c>
      <c r="AV164" s="63"/>
      <c r="AW164" s="63" t="s">
        <v>1580</v>
      </c>
      <c r="AX164" s="63" t="s">
        <v>580</v>
      </c>
      <c r="AY164" s="63" t="s">
        <v>1581</v>
      </c>
      <c r="AZ164" s="63" t="s">
        <v>1582</v>
      </c>
      <c r="BA164" s="66"/>
    </row>
    <row r="165" spans="1:174" s="47" customFormat="1" ht="27" customHeight="1">
      <c r="A165" s="18">
        <v>2024</v>
      </c>
      <c r="B165" s="13">
        <v>283</v>
      </c>
      <c r="C165" s="27" t="s">
        <v>415</v>
      </c>
      <c r="D165" s="13" t="s">
        <v>416</v>
      </c>
      <c r="E165" s="13" t="s">
        <v>1583</v>
      </c>
      <c r="F165" s="9" t="s">
        <v>1584</v>
      </c>
      <c r="G165" s="13" t="s">
        <v>1585</v>
      </c>
      <c r="H165" s="14" t="s">
        <v>1586</v>
      </c>
      <c r="I165" s="13" t="s">
        <v>1587</v>
      </c>
      <c r="J165" s="13">
        <v>61</v>
      </c>
      <c r="K165" s="13">
        <v>6</v>
      </c>
      <c r="L165" s="13">
        <v>650</v>
      </c>
      <c r="M165" s="13" t="s">
        <v>134</v>
      </c>
      <c r="N165" s="13" t="s">
        <v>67</v>
      </c>
      <c r="O165" s="13"/>
      <c r="P165" s="13" t="s">
        <v>1588</v>
      </c>
      <c r="Q165" s="13" t="s">
        <v>89</v>
      </c>
      <c r="R165" s="13"/>
      <c r="S165" s="13"/>
      <c r="T165" s="13" t="s">
        <v>66</v>
      </c>
      <c r="U165" s="13" t="s">
        <v>66</v>
      </c>
      <c r="V165" s="13" t="s">
        <v>66</v>
      </c>
      <c r="W165" s="13" t="s">
        <v>66</v>
      </c>
      <c r="X165" s="13" t="s">
        <v>66</v>
      </c>
      <c r="Y165" s="13" t="s">
        <v>67</v>
      </c>
      <c r="Z165" s="13" t="s">
        <v>66</v>
      </c>
      <c r="AA165" s="13" t="s">
        <v>66</v>
      </c>
      <c r="AB165" s="13" t="s">
        <v>66</v>
      </c>
      <c r="AC165" s="13" t="s">
        <v>66</v>
      </c>
      <c r="AD165" s="13" t="s">
        <v>67</v>
      </c>
      <c r="AE165" s="13" t="s">
        <v>66</v>
      </c>
      <c r="AF165" s="13" t="s">
        <v>67</v>
      </c>
      <c r="AG165" s="13" t="s">
        <v>66</v>
      </c>
      <c r="AH165" s="13" t="s">
        <v>66</v>
      </c>
      <c r="AI165" s="13" t="s">
        <v>67</v>
      </c>
      <c r="AJ165" s="13" t="s">
        <v>66</v>
      </c>
      <c r="AK165" s="13" t="s">
        <v>66</v>
      </c>
      <c r="AL165" s="13" t="s">
        <v>66</v>
      </c>
      <c r="AM165" s="13" t="s">
        <v>66</v>
      </c>
      <c r="AN165" s="13" t="s">
        <v>67</v>
      </c>
      <c r="AO165" s="13" t="s">
        <v>66</v>
      </c>
      <c r="AP165" s="13" t="s">
        <v>67</v>
      </c>
      <c r="AQ165" s="13" t="s">
        <v>66</v>
      </c>
      <c r="AR165" s="14" t="s">
        <v>1589</v>
      </c>
      <c r="AS165" s="24" t="s">
        <v>90</v>
      </c>
      <c r="AT165" s="13" t="s">
        <v>1590</v>
      </c>
      <c r="AU165" s="13" t="s">
        <v>437</v>
      </c>
      <c r="AV165" s="14" t="s">
        <v>1591</v>
      </c>
      <c r="AW165" s="13" t="s">
        <v>1592</v>
      </c>
      <c r="AX165" s="13" t="s">
        <v>1593</v>
      </c>
      <c r="AY165" s="13" t="s">
        <v>1594</v>
      </c>
      <c r="AZ165" s="13" t="s">
        <v>1595</v>
      </c>
      <c r="BA165" s="15"/>
      <c r="BB165" s="2"/>
      <c r="BC165" s="2"/>
      <c r="BD165" s="2"/>
      <c r="BE165" s="2"/>
      <c r="BF165" s="2"/>
      <c r="BG165" s="2"/>
      <c r="BH165" s="2"/>
      <c r="BI165" s="2"/>
      <c r="BJ165" s="2"/>
      <c r="BK165" s="2"/>
      <c r="BL165" s="2"/>
      <c r="BM165" s="2"/>
      <c r="BN165" s="2"/>
      <c r="BO165" s="2"/>
      <c r="BP165" s="2"/>
      <c r="BQ165" s="2"/>
      <c r="BR165" s="2"/>
      <c r="BS165" s="2"/>
      <c r="BT165" s="2"/>
      <c r="BU165" s="2"/>
      <c r="BV165" s="2"/>
      <c r="BW165" s="2"/>
      <c r="BX165" s="2"/>
      <c r="BY165" s="2"/>
      <c r="BZ165" s="2"/>
      <c r="CA165" s="2"/>
      <c r="CB165" s="2"/>
      <c r="CC165" s="2"/>
      <c r="CD165" s="2"/>
      <c r="CE165" s="2"/>
      <c r="CF165" s="2"/>
      <c r="CG165" s="2"/>
      <c r="CH165" s="2"/>
      <c r="CI165" s="2"/>
      <c r="CJ165" s="2"/>
      <c r="CK165" s="2"/>
      <c r="CL165" s="2"/>
      <c r="CM165" s="2"/>
      <c r="CN165" s="2"/>
      <c r="CO165" s="2"/>
      <c r="CP165" s="2"/>
      <c r="CQ165" s="2"/>
      <c r="CR165" s="2"/>
      <c r="CS165" s="2"/>
      <c r="CT165" s="2"/>
      <c r="CU165" s="2"/>
      <c r="CV165" s="2"/>
      <c r="CW165" s="2"/>
      <c r="CX165" s="2"/>
      <c r="CY165" s="2"/>
      <c r="CZ165" s="2"/>
      <c r="DA165" s="2"/>
      <c r="DB165" s="2"/>
      <c r="DC165" s="2"/>
      <c r="DD165" s="2"/>
      <c r="DE165" s="2"/>
      <c r="DF165" s="2"/>
      <c r="DG165" s="2"/>
      <c r="DH165" s="2"/>
      <c r="DI165" s="2"/>
      <c r="DJ165" s="2"/>
      <c r="DK165" s="2"/>
      <c r="DL165" s="2"/>
      <c r="DM165" s="2"/>
      <c r="DN165" s="2"/>
      <c r="DO165" s="2"/>
      <c r="DP165" s="2"/>
      <c r="DQ165" s="2"/>
      <c r="DR165" s="2"/>
      <c r="DS165" s="2"/>
      <c r="DT165" s="2"/>
      <c r="DU165" s="2"/>
      <c r="DV165" s="2"/>
      <c r="DW165" s="2"/>
      <c r="DX165" s="2"/>
      <c r="DY165" s="2"/>
      <c r="DZ165" s="2"/>
      <c r="EA165" s="2"/>
      <c r="EB165" s="2"/>
      <c r="EC165" s="2"/>
      <c r="ED165" s="2"/>
      <c r="EE165" s="2"/>
      <c r="EF165" s="2"/>
      <c r="EG165" s="2"/>
      <c r="EH165" s="2"/>
      <c r="EI165" s="2"/>
      <c r="EJ165" s="2"/>
      <c r="EK165" s="2"/>
      <c r="EL165" s="2"/>
      <c r="EM165" s="2"/>
      <c r="EN165" s="2"/>
      <c r="EO165" s="2"/>
      <c r="EP165" s="2"/>
      <c r="EQ165" s="2"/>
      <c r="ER165" s="2"/>
      <c r="ES165" s="2"/>
      <c r="ET165" s="2"/>
      <c r="EU165" s="2"/>
      <c r="EV165" s="2"/>
      <c r="EW165" s="2"/>
      <c r="EX165" s="2"/>
      <c r="EY165" s="2"/>
      <c r="EZ165" s="2"/>
      <c r="FA165" s="2"/>
      <c r="FB165" s="2"/>
      <c r="FC165" s="2"/>
      <c r="FD165" s="2"/>
      <c r="FE165" s="2"/>
      <c r="FF165" s="2"/>
      <c r="FG165" s="2"/>
      <c r="FH165" s="2"/>
      <c r="FI165" s="2"/>
      <c r="FJ165" s="2"/>
      <c r="FK165" s="2"/>
      <c r="FL165" s="2"/>
      <c r="FM165" s="2"/>
      <c r="FN165" s="2"/>
      <c r="FO165" s="2"/>
      <c r="FP165" s="2"/>
      <c r="FQ165" s="2"/>
      <c r="FR165" s="2"/>
    </row>
    <row r="166" spans="1:174" s="47" customFormat="1" ht="27" customHeight="1">
      <c r="A166" s="18" t="s">
        <v>1364</v>
      </c>
      <c r="B166" s="13">
        <v>728</v>
      </c>
      <c r="C166" s="27" t="s">
        <v>415</v>
      </c>
      <c r="D166" s="13" t="s">
        <v>1786</v>
      </c>
      <c r="E166" s="13" t="s">
        <v>1787</v>
      </c>
      <c r="F166" s="9" t="s">
        <v>1788</v>
      </c>
      <c r="G166" s="13" t="s">
        <v>1789</v>
      </c>
      <c r="H166" s="14" t="s">
        <v>1790</v>
      </c>
      <c r="I166" s="13" t="s">
        <v>1791</v>
      </c>
      <c r="J166" s="13">
        <v>0</v>
      </c>
      <c r="K166" s="13">
        <v>0</v>
      </c>
      <c r="L166" s="13">
        <v>0</v>
      </c>
      <c r="M166" s="13"/>
      <c r="N166" s="13" t="s">
        <v>1792</v>
      </c>
      <c r="O166" s="13" t="s">
        <v>666</v>
      </c>
      <c r="P166" s="13" t="s">
        <v>1793</v>
      </c>
      <c r="Q166" s="13" t="s">
        <v>1794</v>
      </c>
      <c r="R166" s="13" t="s">
        <v>64</v>
      </c>
      <c r="S166" s="13">
        <v>0</v>
      </c>
      <c r="T166" s="13" t="s">
        <v>65</v>
      </c>
      <c r="U166" s="13" t="s">
        <v>65</v>
      </c>
      <c r="V166" s="13" t="s">
        <v>67</v>
      </c>
      <c r="W166" s="13" t="s">
        <v>67</v>
      </c>
      <c r="X166" s="13" t="s">
        <v>65</v>
      </c>
      <c r="Y166" s="13" t="s">
        <v>65</v>
      </c>
      <c r="Z166" s="13" t="s">
        <v>65</v>
      </c>
      <c r="AA166" s="13" t="s">
        <v>65</v>
      </c>
      <c r="AB166" s="13" t="s">
        <v>65</v>
      </c>
      <c r="AC166" s="13" t="s">
        <v>65</v>
      </c>
      <c r="AD166" s="13" t="s">
        <v>65</v>
      </c>
      <c r="AE166" s="13" t="s">
        <v>65</v>
      </c>
      <c r="AF166" s="13" t="s">
        <v>65</v>
      </c>
      <c r="AG166" s="13" t="s">
        <v>65</v>
      </c>
      <c r="AH166" s="13" t="s">
        <v>67</v>
      </c>
      <c r="AI166" s="13" t="s">
        <v>67</v>
      </c>
      <c r="AJ166" s="13" t="s">
        <v>67</v>
      </c>
      <c r="AK166" s="13" t="s">
        <v>67</v>
      </c>
      <c r="AL166" s="13" t="s">
        <v>67</v>
      </c>
      <c r="AM166" s="13" t="s">
        <v>67</v>
      </c>
      <c r="AN166" s="13" t="s">
        <v>67</v>
      </c>
      <c r="AO166" s="13" t="s">
        <v>67</v>
      </c>
      <c r="AP166" s="13" t="s">
        <v>67</v>
      </c>
      <c r="AQ166" s="13" t="s">
        <v>67</v>
      </c>
      <c r="AR166" s="14" t="s">
        <v>1790</v>
      </c>
      <c r="AS166" s="62" t="s">
        <v>64</v>
      </c>
      <c r="AT166" s="13" t="s">
        <v>1795</v>
      </c>
      <c r="AU166" s="13" t="s">
        <v>1796</v>
      </c>
      <c r="AV166" s="14" t="s">
        <v>1797</v>
      </c>
      <c r="AW166" s="13" t="s">
        <v>1798</v>
      </c>
      <c r="AX166" s="13" t="s">
        <v>1799</v>
      </c>
      <c r="AY166" s="13" t="s">
        <v>1800</v>
      </c>
      <c r="AZ166" s="13" t="s">
        <v>1801</v>
      </c>
      <c r="BA166" s="15"/>
      <c r="BB166" s="2"/>
      <c r="BC166" s="2"/>
      <c r="BD166" s="2"/>
      <c r="BE166" s="2"/>
      <c r="BF166" s="2"/>
      <c r="BG166" s="2"/>
      <c r="BH166" s="2"/>
      <c r="BI166" s="2"/>
      <c r="BJ166" s="2"/>
      <c r="BK166" s="2"/>
      <c r="BL166" s="2"/>
      <c r="BM166" s="2"/>
      <c r="BN166" s="2"/>
      <c r="BO166" s="2"/>
      <c r="BP166" s="2"/>
      <c r="BQ166" s="2"/>
      <c r="BR166" s="2"/>
      <c r="BS166" s="2"/>
      <c r="BT166" s="2"/>
      <c r="BU166" s="2"/>
      <c r="BV166" s="2"/>
      <c r="BW166" s="2"/>
      <c r="BX166" s="2"/>
      <c r="BY166" s="2"/>
      <c r="BZ166" s="2"/>
      <c r="CA166" s="2"/>
      <c r="CB166" s="2"/>
      <c r="CC166" s="2"/>
      <c r="CD166" s="2"/>
      <c r="CE166" s="2"/>
      <c r="CF166" s="2"/>
      <c r="CG166" s="2"/>
      <c r="CH166" s="2"/>
      <c r="CI166" s="2"/>
      <c r="CJ166" s="2"/>
      <c r="CK166" s="2"/>
      <c r="CL166" s="2"/>
      <c r="CM166" s="2"/>
      <c r="CN166" s="2"/>
      <c r="CO166" s="2"/>
      <c r="CP166" s="2"/>
      <c r="CQ166" s="2"/>
      <c r="CR166" s="2"/>
      <c r="CS166" s="2"/>
      <c r="CT166" s="2"/>
      <c r="CU166" s="2"/>
      <c r="CV166" s="2"/>
      <c r="CW166" s="2"/>
      <c r="CX166" s="2"/>
      <c r="CY166" s="2"/>
      <c r="CZ166" s="2"/>
      <c r="DA166" s="2"/>
      <c r="DB166" s="2"/>
      <c r="DC166" s="2"/>
      <c r="DD166" s="2"/>
      <c r="DE166" s="2"/>
      <c r="DF166" s="2"/>
      <c r="DG166" s="2"/>
      <c r="DH166" s="2"/>
      <c r="DI166" s="2"/>
      <c r="DJ166" s="2"/>
      <c r="DK166" s="2"/>
      <c r="DL166" s="2"/>
      <c r="DM166" s="2"/>
      <c r="DN166" s="2"/>
      <c r="DO166" s="2"/>
      <c r="DP166" s="2"/>
      <c r="DQ166" s="2"/>
      <c r="DR166" s="2"/>
      <c r="DS166" s="2"/>
      <c r="DT166" s="2"/>
      <c r="DU166" s="2"/>
      <c r="DV166" s="2"/>
      <c r="DW166" s="2"/>
      <c r="DX166" s="2"/>
      <c r="DY166" s="2"/>
      <c r="DZ166" s="2"/>
      <c r="EA166" s="2"/>
      <c r="EB166" s="2"/>
      <c r="EC166" s="2"/>
      <c r="ED166" s="2"/>
      <c r="EE166" s="2"/>
      <c r="EF166" s="2"/>
      <c r="EG166" s="2"/>
      <c r="EH166" s="2"/>
      <c r="EI166" s="2"/>
      <c r="EJ166" s="2"/>
      <c r="EK166" s="2"/>
      <c r="EL166" s="2"/>
      <c r="EM166" s="2"/>
      <c r="EN166" s="2"/>
      <c r="EO166" s="2"/>
      <c r="EP166" s="2"/>
      <c r="EQ166" s="2"/>
      <c r="ER166" s="2"/>
      <c r="ES166" s="2"/>
      <c r="ET166" s="2"/>
      <c r="EU166" s="2"/>
      <c r="EV166" s="2"/>
      <c r="EW166" s="2"/>
      <c r="EX166" s="2"/>
      <c r="EY166" s="2"/>
      <c r="EZ166" s="2"/>
      <c r="FA166" s="2"/>
      <c r="FB166" s="2"/>
      <c r="FC166" s="2"/>
      <c r="FD166" s="2"/>
      <c r="FE166" s="2"/>
      <c r="FF166" s="2"/>
      <c r="FG166" s="2"/>
      <c r="FH166" s="2"/>
      <c r="FI166" s="2"/>
      <c r="FJ166" s="2"/>
      <c r="FK166" s="2"/>
      <c r="FL166" s="2"/>
      <c r="FM166" s="2"/>
      <c r="FN166" s="2"/>
      <c r="FO166" s="2"/>
      <c r="FP166" s="2"/>
      <c r="FQ166" s="2"/>
      <c r="FR166" s="2"/>
    </row>
    <row r="167" spans="1:174" s="50" customFormat="1" ht="21.75" customHeight="1">
      <c r="B167" s="51"/>
      <c r="C167" s="51"/>
      <c r="D167" s="51"/>
      <c r="E167" s="51"/>
      <c r="F167" s="51"/>
      <c r="G167" s="51"/>
      <c r="H167" s="51"/>
      <c r="I167" s="51"/>
      <c r="J167" s="51"/>
      <c r="K167" s="51"/>
      <c r="L167" s="51"/>
      <c r="M167" s="51"/>
      <c r="N167" s="51"/>
      <c r="O167" s="51"/>
      <c r="P167" s="51"/>
      <c r="Q167" s="51"/>
      <c r="R167" s="51"/>
      <c r="S167" s="51"/>
      <c r="T167" s="51"/>
      <c r="U167" s="51"/>
      <c r="V167" s="51"/>
      <c r="W167" s="51"/>
      <c r="X167" s="51"/>
      <c r="Y167" s="51"/>
      <c r="Z167" s="51"/>
      <c r="AA167" s="51"/>
      <c r="AB167" s="51"/>
      <c r="AC167" s="51"/>
      <c r="AD167" s="51"/>
      <c r="AE167" s="51"/>
      <c r="AF167" s="51"/>
      <c r="AG167" s="51"/>
      <c r="AH167" s="51"/>
      <c r="AI167" s="51"/>
      <c r="AJ167" s="51"/>
      <c r="AK167" s="51"/>
      <c r="AL167" s="51"/>
      <c r="AM167" s="51"/>
      <c r="AN167" s="51"/>
      <c r="AO167" s="51"/>
      <c r="AP167" s="51"/>
      <c r="AQ167" s="51"/>
      <c r="AR167" s="51"/>
      <c r="AS167" s="51"/>
      <c r="AT167" s="51"/>
      <c r="AU167" s="51"/>
      <c r="AV167" s="51"/>
      <c r="AW167" s="51"/>
      <c r="AX167" s="51"/>
      <c r="AY167" s="51"/>
      <c r="AZ167" s="51"/>
      <c r="BA167" s="51"/>
      <c r="BB167" s="52"/>
      <c r="BC167" s="52"/>
      <c r="BD167" s="52"/>
      <c r="BE167" s="52"/>
      <c r="BF167" s="52"/>
      <c r="BG167" s="52"/>
      <c r="BH167" s="52"/>
      <c r="BI167" s="52"/>
      <c r="BJ167" s="52"/>
      <c r="BK167" s="52"/>
      <c r="BL167" s="52"/>
      <c r="BM167" s="52"/>
      <c r="BN167" s="52"/>
      <c r="BO167" s="52"/>
      <c r="BP167" s="52"/>
      <c r="BQ167" s="52"/>
      <c r="BR167" s="49"/>
      <c r="BS167" s="49"/>
      <c r="BT167" s="49"/>
      <c r="BU167" s="52"/>
      <c r="BV167" s="52"/>
      <c r="BW167" s="52"/>
      <c r="BX167" s="52"/>
      <c r="BY167" s="52"/>
      <c r="BZ167" s="52"/>
      <c r="CA167" s="52"/>
      <c r="CB167" s="52"/>
      <c r="CC167" s="52"/>
      <c r="CD167" s="52"/>
      <c r="CE167" s="52"/>
      <c r="CF167" s="52"/>
      <c r="CG167" s="52"/>
      <c r="CH167" s="52"/>
      <c r="CI167" s="52"/>
      <c r="CJ167" s="52"/>
      <c r="CK167" s="52"/>
      <c r="CL167" s="52"/>
      <c r="CM167" s="52"/>
      <c r="CN167" s="52"/>
      <c r="CO167" s="52"/>
      <c r="CP167" s="52"/>
      <c r="CQ167" s="52"/>
      <c r="CR167" s="52"/>
      <c r="CS167" s="52"/>
      <c r="CT167" s="52"/>
      <c r="CU167" s="52"/>
      <c r="CV167" s="52"/>
      <c r="CW167" s="52"/>
      <c r="CX167" s="52"/>
      <c r="CY167" s="52"/>
      <c r="CZ167" s="52"/>
      <c r="DA167" s="52"/>
      <c r="DB167" s="52"/>
    </row>
    <row r="169" spans="1:174" s="50" customFormat="1" ht="9.75" customHeight="1">
      <c r="A169" s="53"/>
      <c r="B169" s="52"/>
      <c r="C169" s="52"/>
      <c r="D169" s="52"/>
      <c r="E169" s="52"/>
      <c r="F169" s="52"/>
      <c r="G169" s="54"/>
      <c r="H169" s="52"/>
      <c r="I169" s="52"/>
      <c r="J169" s="52"/>
      <c r="K169" s="52"/>
      <c r="L169" s="52"/>
      <c r="M169" s="52"/>
      <c r="N169" s="52"/>
      <c r="O169" s="52"/>
      <c r="P169" s="52"/>
      <c r="Q169" s="49"/>
      <c r="R169" s="49"/>
      <c r="S169" s="49"/>
      <c r="T169" s="52"/>
      <c r="U169" s="52"/>
      <c r="V169" s="52"/>
      <c r="W169" s="52"/>
      <c r="X169" s="52"/>
      <c r="Y169" s="52"/>
      <c r="Z169" s="52"/>
      <c r="AA169" s="52"/>
      <c r="AB169" s="52"/>
      <c r="AC169" s="52"/>
      <c r="AD169" s="52"/>
      <c r="AE169" s="52"/>
      <c r="AF169" s="52"/>
      <c r="AG169" s="52"/>
      <c r="AH169" s="52"/>
      <c r="AI169" s="52"/>
      <c r="AJ169" s="52"/>
      <c r="AK169" s="52"/>
      <c r="AL169" s="52"/>
      <c r="AM169" s="52"/>
      <c r="AN169" s="52"/>
      <c r="AO169" s="52"/>
      <c r="AP169" s="52"/>
      <c r="AQ169" s="52"/>
      <c r="AR169" s="52"/>
      <c r="AS169" s="52"/>
      <c r="AT169" s="52"/>
      <c r="AU169" s="52"/>
      <c r="AV169" s="52"/>
      <c r="AW169" s="52"/>
      <c r="AX169" s="52"/>
      <c r="AY169" s="52"/>
      <c r="AZ169" s="55"/>
      <c r="BA169" s="52"/>
    </row>
    <row r="170" spans="1:174" ht="15.75" customHeight="1">
      <c r="B170" s="56"/>
      <c r="C170" s="56"/>
      <c r="D170" s="56"/>
      <c r="E170" s="56"/>
      <c r="F170" s="56"/>
      <c r="G170" s="56"/>
      <c r="H170" s="56"/>
      <c r="I170" s="56"/>
      <c r="J170" s="56"/>
      <c r="K170" s="56"/>
      <c r="L170" s="56"/>
      <c r="M170" s="56"/>
      <c r="N170" s="56"/>
      <c r="O170" s="56"/>
      <c r="P170" s="56"/>
      <c r="Q170" s="15"/>
      <c r="R170" s="15"/>
      <c r="S170" s="15"/>
      <c r="T170" s="56"/>
      <c r="U170" s="56"/>
      <c r="V170" s="56"/>
      <c r="W170" s="56"/>
      <c r="X170" s="56"/>
      <c r="Y170" s="56"/>
      <c r="Z170" s="56"/>
      <c r="AA170" s="56"/>
      <c r="AB170" s="56"/>
      <c r="AC170" s="56"/>
      <c r="AD170" s="56"/>
      <c r="AE170" s="56"/>
      <c r="AF170" s="56"/>
      <c r="AG170" s="56"/>
      <c r="AH170" s="56"/>
      <c r="AI170" s="56"/>
      <c r="AJ170" s="56"/>
      <c r="AK170" s="56"/>
      <c r="AL170" s="56"/>
      <c r="AM170" s="56"/>
      <c r="AN170" s="56"/>
      <c r="AO170" s="56"/>
      <c r="AP170" s="56"/>
      <c r="AQ170" s="56"/>
      <c r="AR170" s="56"/>
      <c r="AS170" s="56"/>
      <c r="AT170" s="56"/>
      <c r="AU170" s="56"/>
      <c r="AV170" s="56"/>
      <c r="AW170" s="56"/>
      <c r="AX170" s="56"/>
      <c r="AY170" s="56"/>
      <c r="AZ170" s="56"/>
      <c r="BA170" s="56"/>
    </row>
    <row r="171" spans="1:174" ht="15.75" customHeight="1">
      <c r="A171" s="56"/>
      <c r="B171" s="56"/>
      <c r="C171" s="56"/>
      <c r="D171" s="56"/>
      <c r="E171" s="56"/>
      <c r="F171" s="56"/>
      <c r="G171" s="56"/>
      <c r="H171" s="56"/>
      <c r="I171" s="56"/>
      <c r="J171" s="56"/>
      <c r="K171" s="56"/>
      <c r="L171" s="56"/>
      <c r="M171" s="56"/>
      <c r="N171" s="56"/>
      <c r="O171" s="56"/>
      <c r="P171" s="56"/>
      <c r="Q171" s="15"/>
      <c r="R171" s="15"/>
      <c r="S171" s="15"/>
      <c r="T171" s="56"/>
      <c r="U171" s="56"/>
      <c r="V171" s="56"/>
      <c r="W171" s="56"/>
      <c r="X171" s="56"/>
      <c r="Y171" s="56"/>
      <c r="Z171" s="56"/>
      <c r="AA171" s="56"/>
      <c r="AB171" s="56"/>
      <c r="AC171" s="56"/>
      <c r="AD171" s="56"/>
      <c r="AE171" s="56"/>
      <c r="AF171" s="56"/>
      <c r="AG171" s="56"/>
      <c r="AH171" s="56"/>
      <c r="AI171" s="56"/>
      <c r="AJ171" s="56"/>
      <c r="AK171" s="56"/>
      <c r="AL171" s="56"/>
      <c r="AM171" s="56"/>
      <c r="AN171" s="56"/>
      <c r="AO171" s="56"/>
      <c r="AP171" s="56"/>
      <c r="AQ171" s="56"/>
      <c r="AR171" s="56"/>
      <c r="AS171" s="56"/>
      <c r="AT171" s="56"/>
      <c r="AU171" s="56"/>
      <c r="AV171" s="56"/>
      <c r="AW171" s="56"/>
      <c r="AX171" s="56"/>
      <c r="AY171" s="56"/>
      <c r="AZ171" s="56"/>
      <c r="BA171" s="56"/>
    </row>
    <row r="172" spans="1:174" ht="15.75" customHeight="1">
      <c r="A172" s="56"/>
      <c r="B172" s="56"/>
      <c r="C172" s="56"/>
      <c r="D172" s="56"/>
      <c r="E172" s="56"/>
      <c r="F172" s="56"/>
      <c r="G172" s="56"/>
      <c r="H172" s="56"/>
      <c r="I172" s="56"/>
      <c r="J172" s="56"/>
      <c r="K172" s="56"/>
      <c r="L172" s="56"/>
      <c r="M172" s="56"/>
      <c r="N172" s="56"/>
      <c r="O172" s="56"/>
      <c r="P172" s="56"/>
      <c r="Q172" s="15"/>
      <c r="R172" s="15"/>
      <c r="S172" s="15"/>
      <c r="T172" s="56"/>
      <c r="U172" s="56"/>
      <c r="V172" s="56"/>
      <c r="W172" s="56"/>
      <c r="X172" s="56"/>
      <c r="Y172" s="56"/>
      <c r="Z172" s="56"/>
      <c r="AA172" s="56"/>
      <c r="AB172" s="56"/>
      <c r="AC172" s="56"/>
      <c r="AD172" s="56"/>
      <c r="AE172" s="56"/>
      <c r="AF172" s="56"/>
      <c r="AG172" s="56"/>
      <c r="AH172" s="56"/>
      <c r="AI172" s="56"/>
      <c r="AJ172" s="56"/>
      <c r="AK172" s="56"/>
      <c r="AL172" s="56"/>
      <c r="AM172" s="56"/>
      <c r="AN172" s="56"/>
      <c r="AO172" s="56"/>
      <c r="AP172" s="56"/>
      <c r="AQ172" s="56"/>
      <c r="AR172" s="56"/>
      <c r="AS172" s="56"/>
      <c r="AT172" s="56"/>
      <c r="AU172" s="56"/>
      <c r="AV172" s="56"/>
      <c r="AW172" s="56"/>
      <c r="AX172" s="56"/>
      <c r="AY172" s="56"/>
      <c r="AZ172" s="56"/>
      <c r="BA172" s="56"/>
    </row>
    <row r="173" spans="1:174" ht="15.75" customHeight="1">
      <c r="A173" s="56"/>
      <c r="B173" s="56"/>
      <c r="C173" s="56"/>
      <c r="D173" s="56"/>
      <c r="E173" s="56"/>
      <c r="F173" s="56"/>
      <c r="G173" s="56"/>
      <c r="H173" s="56"/>
      <c r="I173" s="56"/>
      <c r="J173" s="56"/>
      <c r="K173" s="56"/>
      <c r="L173" s="56"/>
      <c r="M173" s="56"/>
      <c r="N173" s="56"/>
      <c r="O173" s="56"/>
      <c r="P173" s="56"/>
      <c r="Q173" s="15"/>
      <c r="R173" s="15"/>
      <c r="S173" s="15"/>
      <c r="T173" s="56"/>
      <c r="U173" s="56"/>
      <c r="V173" s="56"/>
      <c r="W173" s="56"/>
      <c r="X173" s="56"/>
      <c r="Y173" s="56"/>
      <c r="Z173" s="56"/>
      <c r="AA173" s="56"/>
      <c r="AB173" s="56"/>
      <c r="AC173" s="56"/>
      <c r="AD173" s="56"/>
      <c r="AE173" s="56"/>
      <c r="AF173" s="56"/>
      <c r="AG173" s="56"/>
      <c r="AH173" s="56"/>
      <c r="AI173" s="56"/>
      <c r="AJ173" s="56"/>
      <c r="AK173" s="56"/>
      <c r="AL173" s="56"/>
      <c r="AM173" s="56"/>
      <c r="AN173" s="56"/>
      <c r="AO173" s="56"/>
      <c r="AP173" s="56"/>
      <c r="AQ173" s="56"/>
      <c r="AR173" s="56"/>
      <c r="AS173" s="56"/>
      <c r="AT173" s="56"/>
      <c r="AU173" s="56"/>
      <c r="AV173" s="56"/>
      <c r="AW173" s="56"/>
      <c r="AX173" s="56"/>
      <c r="AY173" s="56"/>
      <c r="AZ173" s="56"/>
      <c r="BA173" s="56"/>
    </row>
    <row r="174" spans="1:174" ht="15.75" customHeight="1">
      <c r="A174" s="56"/>
      <c r="B174" s="56"/>
      <c r="C174" s="56"/>
      <c r="D174" s="56"/>
      <c r="E174" s="56"/>
      <c r="F174" s="56"/>
      <c r="G174" s="56"/>
      <c r="H174" s="56"/>
      <c r="I174" s="56"/>
      <c r="J174" s="56"/>
      <c r="K174" s="56"/>
      <c r="L174" s="56"/>
      <c r="M174" s="56"/>
      <c r="N174" s="56"/>
      <c r="O174" s="56"/>
      <c r="P174" s="56"/>
      <c r="Q174" s="15"/>
      <c r="R174" s="15"/>
      <c r="S174" s="15"/>
      <c r="T174" s="56"/>
      <c r="U174" s="56"/>
      <c r="V174" s="56"/>
      <c r="W174" s="56"/>
      <c r="X174" s="56"/>
      <c r="Y174" s="56"/>
      <c r="Z174" s="56"/>
      <c r="AA174" s="56"/>
      <c r="AB174" s="56"/>
      <c r="AC174" s="56"/>
      <c r="AD174" s="56"/>
      <c r="AE174" s="56"/>
      <c r="AF174" s="56"/>
      <c r="AG174" s="56"/>
      <c r="AH174" s="56"/>
      <c r="AI174" s="56"/>
      <c r="AJ174" s="56"/>
      <c r="AK174" s="56"/>
      <c r="AL174" s="56"/>
      <c r="AM174" s="56"/>
      <c r="AN174" s="56"/>
      <c r="AO174" s="56"/>
      <c r="AP174" s="56"/>
      <c r="AQ174" s="56"/>
      <c r="AR174" s="56"/>
      <c r="AS174" s="56"/>
      <c r="AT174" s="56"/>
      <c r="AU174" s="56"/>
      <c r="AV174" s="56"/>
      <c r="AW174" s="56"/>
      <c r="AX174" s="56"/>
      <c r="AY174" s="56"/>
      <c r="AZ174" s="56"/>
      <c r="BA174" s="56"/>
    </row>
    <row r="175" spans="1:174" ht="15.75" customHeight="1">
      <c r="A175" s="56"/>
      <c r="B175" s="56"/>
      <c r="C175" s="56"/>
      <c r="D175" s="56"/>
      <c r="E175" s="56"/>
      <c r="F175" s="56"/>
      <c r="G175" s="56"/>
      <c r="H175" s="56"/>
      <c r="I175" s="56"/>
      <c r="J175" s="56"/>
      <c r="K175" s="56"/>
      <c r="L175" s="56"/>
      <c r="M175" s="56"/>
      <c r="N175" s="56"/>
      <c r="O175" s="56"/>
      <c r="P175" s="56"/>
      <c r="Q175" s="15"/>
      <c r="R175" s="15"/>
      <c r="S175" s="15"/>
      <c r="T175" s="56"/>
      <c r="U175" s="56"/>
      <c r="V175" s="56"/>
      <c r="W175" s="56"/>
      <c r="X175" s="56"/>
      <c r="Y175" s="56"/>
      <c r="Z175" s="56"/>
      <c r="AA175" s="56"/>
      <c r="AB175" s="56"/>
      <c r="AC175" s="56"/>
      <c r="AD175" s="56"/>
      <c r="AE175" s="56"/>
      <c r="AF175" s="56"/>
      <c r="AG175" s="56"/>
      <c r="AH175" s="56"/>
      <c r="AI175" s="56"/>
      <c r="AJ175" s="56"/>
      <c r="AK175" s="56"/>
      <c r="AL175" s="56"/>
      <c r="AM175" s="56"/>
      <c r="AN175" s="56"/>
      <c r="AO175" s="56"/>
      <c r="AP175" s="56"/>
      <c r="AQ175" s="56"/>
      <c r="AR175" s="56"/>
      <c r="AS175" s="56"/>
      <c r="AT175" s="56"/>
      <c r="AU175" s="56"/>
      <c r="AV175" s="56"/>
      <c r="AW175" s="56"/>
      <c r="AX175" s="56"/>
      <c r="AY175" s="56"/>
      <c r="AZ175" s="56"/>
      <c r="BA175" s="56"/>
    </row>
    <row r="176" spans="1:174" ht="15.75" customHeight="1">
      <c r="A176" s="56"/>
      <c r="B176" s="56"/>
      <c r="C176" s="56"/>
      <c r="D176" s="56"/>
      <c r="E176" s="56"/>
      <c r="F176" s="56"/>
      <c r="G176" s="56"/>
      <c r="H176" s="56"/>
      <c r="I176" s="56"/>
      <c r="J176" s="56"/>
      <c r="K176" s="56"/>
      <c r="L176" s="56"/>
      <c r="M176" s="56"/>
      <c r="N176" s="56"/>
      <c r="O176" s="56"/>
      <c r="P176" s="56"/>
      <c r="Q176" s="15"/>
      <c r="R176" s="15"/>
      <c r="S176" s="15"/>
      <c r="T176" s="56"/>
      <c r="U176" s="56"/>
      <c r="V176" s="56"/>
      <c r="W176" s="56"/>
      <c r="X176" s="56"/>
      <c r="Y176" s="56"/>
      <c r="Z176" s="56"/>
      <c r="AA176" s="56"/>
      <c r="AB176" s="56"/>
      <c r="AC176" s="56"/>
      <c r="AD176" s="56"/>
      <c r="AE176" s="56"/>
      <c r="AF176" s="56"/>
      <c r="AG176" s="56"/>
      <c r="AH176" s="56"/>
      <c r="AI176" s="56"/>
      <c r="AJ176" s="56"/>
      <c r="AK176" s="56"/>
      <c r="AL176" s="56"/>
      <c r="AM176" s="56"/>
      <c r="AN176" s="56"/>
      <c r="AO176" s="56"/>
      <c r="AP176" s="56"/>
      <c r="AQ176" s="56"/>
      <c r="AR176" s="56"/>
      <c r="AS176" s="56"/>
      <c r="AT176" s="56"/>
      <c r="AU176" s="56"/>
      <c r="AV176" s="56"/>
      <c r="AW176" s="56"/>
      <c r="AX176" s="56"/>
      <c r="AY176" s="56"/>
      <c r="AZ176" s="56"/>
      <c r="BA176" s="56"/>
    </row>
    <row r="177" spans="1:53" ht="15.75" customHeight="1">
      <c r="A177" s="56"/>
      <c r="B177" s="56"/>
      <c r="C177" s="56"/>
      <c r="D177" s="56"/>
      <c r="E177" s="56"/>
      <c r="F177" s="56"/>
      <c r="G177" s="56"/>
      <c r="H177" s="56"/>
      <c r="I177" s="56"/>
      <c r="J177" s="56"/>
      <c r="K177" s="56"/>
      <c r="L177" s="56"/>
      <c r="M177" s="56"/>
      <c r="N177" s="56"/>
      <c r="O177" s="56"/>
      <c r="P177" s="56"/>
      <c r="Q177" s="15"/>
      <c r="R177" s="15"/>
      <c r="S177" s="15"/>
      <c r="T177" s="56"/>
      <c r="U177" s="56"/>
      <c r="V177" s="56"/>
      <c r="W177" s="56"/>
      <c r="X177" s="56"/>
      <c r="Y177" s="56"/>
      <c r="Z177" s="56"/>
      <c r="AA177" s="56"/>
      <c r="AB177" s="56"/>
      <c r="AC177" s="56"/>
      <c r="AD177" s="56"/>
      <c r="AE177" s="56"/>
      <c r="AF177" s="56"/>
      <c r="AG177" s="56"/>
      <c r="AH177" s="56"/>
      <c r="AI177" s="56"/>
      <c r="AJ177" s="56"/>
      <c r="AK177" s="56"/>
      <c r="AL177" s="56"/>
      <c r="AM177" s="56"/>
      <c r="AN177" s="56"/>
      <c r="AO177" s="56"/>
      <c r="AP177" s="56"/>
      <c r="AQ177" s="56"/>
      <c r="AR177" s="56"/>
      <c r="AS177" s="56"/>
      <c r="AT177" s="56"/>
      <c r="AU177" s="56"/>
      <c r="AV177" s="56"/>
      <c r="AW177" s="56"/>
      <c r="AX177" s="56"/>
      <c r="AY177" s="56"/>
      <c r="AZ177" s="56"/>
      <c r="BA177" s="56"/>
    </row>
    <row r="178" spans="1:53" ht="15.75" customHeight="1">
      <c r="A178" s="56"/>
      <c r="B178" s="56"/>
      <c r="C178" s="56"/>
      <c r="D178" s="56"/>
      <c r="E178" s="56"/>
      <c r="F178" s="56"/>
      <c r="G178" s="56"/>
      <c r="H178" s="56"/>
      <c r="I178" s="56"/>
      <c r="J178" s="56"/>
      <c r="K178" s="56"/>
      <c r="L178" s="56"/>
      <c r="M178" s="56"/>
      <c r="N178" s="56"/>
      <c r="O178" s="56"/>
      <c r="P178" s="56"/>
      <c r="Q178" s="15"/>
      <c r="R178" s="15"/>
      <c r="S178" s="15"/>
      <c r="T178" s="56"/>
      <c r="U178" s="56"/>
      <c r="V178" s="56"/>
      <c r="W178" s="56"/>
      <c r="X178" s="56"/>
      <c r="Y178" s="56"/>
      <c r="Z178" s="56"/>
      <c r="AA178" s="56"/>
      <c r="AB178" s="56"/>
      <c r="AC178" s="56"/>
      <c r="AD178" s="56"/>
      <c r="AE178" s="56"/>
      <c r="AF178" s="56"/>
      <c r="AG178" s="56"/>
      <c r="AH178" s="56"/>
      <c r="AI178" s="56"/>
      <c r="AJ178" s="56"/>
      <c r="AK178" s="56"/>
      <c r="AL178" s="56"/>
      <c r="AM178" s="56"/>
      <c r="AN178" s="56"/>
      <c r="AO178" s="56"/>
      <c r="AP178" s="56"/>
      <c r="AQ178" s="56"/>
      <c r="AR178" s="56"/>
      <c r="AS178" s="56"/>
      <c r="AT178" s="56"/>
      <c r="AU178" s="56"/>
      <c r="AV178" s="56"/>
      <c r="AW178" s="56"/>
      <c r="AX178" s="56"/>
      <c r="AY178" s="56"/>
      <c r="AZ178" s="56"/>
      <c r="BA178" s="56"/>
    </row>
    <row r="179" spans="1:53" ht="15.75" customHeight="1">
      <c r="A179" s="56"/>
      <c r="B179" s="56"/>
      <c r="C179" s="56"/>
      <c r="D179" s="56"/>
      <c r="E179" s="56"/>
      <c r="F179" s="56"/>
      <c r="G179" s="56"/>
      <c r="H179" s="56"/>
      <c r="I179" s="56"/>
      <c r="J179" s="56"/>
      <c r="K179" s="56"/>
      <c r="L179" s="56"/>
      <c r="M179" s="56"/>
      <c r="N179" s="56"/>
      <c r="O179" s="56"/>
      <c r="P179" s="56"/>
      <c r="Q179" s="15"/>
      <c r="R179" s="15"/>
      <c r="S179" s="15"/>
      <c r="T179" s="56"/>
      <c r="U179" s="56"/>
      <c r="V179" s="56"/>
      <c r="W179" s="56"/>
      <c r="X179" s="56"/>
      <c r="Y179" s="56"/>
      <c r="Z179" s="56"/>
      <c r="AA179" s="56"/>
      <c r="AB179" s="56"/>
      <c r="AC179" s="56"/>
      <c r="AD179" s="56"/>
      <c r="AE179" s="56"/>
      <c r="AF179" s="56"/>
      <c r="AG179" s="56"/>
      <c r="AH179" s="56"/>
      <c r="AI179" s="56"/>
      <c r="AJ179" s="56"/>
      <c r="AK179" s="56"/>
      <c r="AL179" s="56"/>
      <c r="AM179" s="56"/>
      <c r="AN179" s="56"/>
      <c r="AO179" s="56"/>
      <c r="AP179" s="56"/>
      <c r="AQ179" s="56"/>
      <c r="AR179" s="56"/>
      <c r="AS179" s="56"/>
      <c r="AT179" s="56"/>
      <c r="AU179" s="56"/>
      <c r="AV179" s="56"/>
      <c r="AW179" s="56"/>
      <c r="AX179" s="56"/>
      <c r="AY179" s="56"/>
      <c r="AZ179" s="56"/>
      <c r="BA179" s="56"/>
    </row>
    <row r="180" spans="1:53" ht="15.75" customHeight="1">
      <c r="A180" s="56"/>
      <c r="B180" s="56"/>
      <c r="C180" s="56"/>
      <c r="D180" s="56"/>
      <c r="E180" s="56"/>
      <c r="F180" s="56"/>
      <c r="G180" s="56"/>
      <c r="H180" s="56"/>
      <c r="I180" s="56"/>
      <c r="J180" s="56"/>
      <c r="K180" s="56"/>
      <c r="L180" s="56"/>
      <c r="M180" s="56"/>
      <c r="N180" s="56"/>
      <c r="O180" s="56"/>
      <c r="P180" s="56"/>
      <c r="Q180" s="15"/>
      <c r="R180" s="15"/>
      <c r="S180" s="15"/>
      <c r="T180" s="56"/>
      <c r="U180" s="56"/>
      <c r="V180" s="56"/>
      <c r="W180" s="56"/>
      <c r="X180" s="56"/>
      <c r="Y180" s="56"/>
      <c r="Z180" s="56"/>
      <c r="AA180" s="56"/>
      <c r="AB180" s="56"/>
      <c r="AC180" s="56"/>
      <c r="AD180" s="56"/>
      <c r="AE180" s="56"/>
      <c r="AF180" s="56"/>
      <c r="AG180" s="56"/>
      <c r="AH180" s="56"/>
      <c r="AI180" s="56"/>
      <c r="AJ180" s="56"/>
      <c r="AK180" s="56"/>
      <c r="AL180" s="56"/>
      <c r="AM180" s="56"/>
      <c r="AN180" s="56"/>
      <c r="AO180" s="56"/>
      <c r="AP180" s="56"/>
      <c r="AQ180" s="56"/>
      <c r="AR180" s="56"/>
      <c r="AS180" s="56"/>
      <c r="AT180" s="56"/>
      <c r="AU180" s="56"/>
      <c r="AV180" s="56"/>
      <c r="AW180" s="56"/>
      <c r="AX180" s="56"/>
      <c r="AY180" s="56"/>
      <c r="AZ180" s="56"/>
      <c r="BA180" s="56"/>
    </row>
    <row r="181" spans="1:53" ht="15.75" customHeight="1">
      <c r="A181" s="56"/>
      <c r="B181" s="56"/>
      <c r="C181" s="56"/>
      <c r="D181" s="56"/>
      <c r="E181" s="56"/>
      <c r="F181" s="56"/>
      <c r="G181" s="56"/>
      <c r="H181" s="56"/>
      <c r="I181" s="56"/>
      <c r="J181" s="56"/>
      <c r="K181" s="56"/>
      <c r="L181" s="56"/>
      <c r="M181" s="56"/>
      <c r="N181" s="56"/>
      <c r="O181" s="56"/>
      <c r="P181" s="56"/>
      <c r="Q181" s="15"/>
      <c r="R181" s="15"/>
      <c r="S181" s="15"/>
      <c r="T181" s="56"/>
      <c r="U181" s="56"/>
      <c r="V181" s="56"/>
      <c r="W181" s="56"/>
      <c r="X181" s="56"/>
      <c r="Y181" s="56"/>
      <c r="Z181" s="56"/>
      <c r="AA181" s="56"/>
      <c r="AB181" s="56"/>
      <c r="AC181" s="56"/>
      <c r="AD181" s="56"/>
      <c r="AE181" s="56"/>
      <c r="AF181" s="56"/>
      <c r="AG181" s="56"/>
      <c r="AH181" s="56"/>
      <c r="AI181" s="56"/>
      <c r="AJ181" s="56"/>
      <c r="AK181" s="56"/>
      <c r="AL181" s="56"/>
      <c r="AM181" s="56"/>
      <c r="AN181" s="56"/>
      <c r="AO181" s="56"/>
      <c r="AP181" s="56"/>
      <c r="AQ181" s="56"/>
      <c r="AR181" s="56"/>
      <c r="AS181" s="56"/>
      <c r="AT181" s="56"/>
      <c r="AU181" s="56"/>
      <c r="AV181" s="56"/>
      <c r="AW181" s="56"/>
      <c r="AX181" s="56"/>
      <c r="AY181" s="56"/>
      <c r="AZ181" s="56"/>
      <c r="BA181" s="56"/>
    </row>
    <row r="182" spans="1:53" ht="15.75" customHeight="1">
      <c r="A182" s="56"/>
      <c r="B182" s="56"/>
      <c r="C182" s="56"/>
      <c r="D182" s="56"/>
      <c r="E182" s="56"/>
      <c r="F182" s="56"/>
      <c r="G182" s="56"/>
      <c r="H182" s="56"/>
      <c r="I182" s="56"/>
      <c r="J182" s="56"/>
      <c r="K182" s="56"/>
      <c r="L182" s="56"/>
      <c r="M182" s="56"/>
      <c r="N182" s="56"/>
      <c r="O182" s="56"/>
      <c r="P182" s="56"/>
      <c r="Q182" s="15"/>
      <c r="R182" s="15"/>
      <c r="S182" s="15"/>
      <c r="T182" s="56"/>
      <c r="U182" s="56"/>
      <c r="V182" s="56"/>
      <c r="W182" s="56"/>
      <c r="X182" s="56"/>
      <c r="Y182" s="56"/>
      <c r="Z182" s="56"/>
      <c r="AA182" s="56"/>
      <c r="AB182" s="56"/>
      <c r="AC182" s="56"/>
      <c r="AD182" s="56"/>
      <c r="AE182" s="56"/>
      <c r="AF182" s="56"/>
      <c r="AG182" s="56"/>
      <c r="AH182" s="56"/>
      <c r="AI182" s="56"/>
      <c r="AJ182" s="56"/>
      <c r="AK182" s="56"/>
      <c r="AL182" s="56"/>
      <c r="AM182" s="56"/>
      <c r="AN182" s="56"/>
      <c r="AO182" s="56"/>
      <c r="AP182" s="56"/>
      <c r="AQ182" s="56"/>
      <c r="AR182" s="56"/>
      <c r="AS182" s="56"/>
      <c r="AT182" s="56"/>
      <c r="AU182" s="56"/>
      <c r="AV182" s="56"/>
      <c r="AW182" s="56"/>
      <c r="AX182" s="56"/>
      <c r="AY182" s="56"/>
      <c r="AZ182" s="56"/>
      <c r="BA182" s="56"/>
    </row>
    <row r="183" spans="1:53" ht="15.75" customHeight="1">
      <c r="A183" s="56"/>
      <c r="B183" s="56"/>
      <c r="C183" s="56"/>
      <c r="D183" s="56"/>
      <c r="E183" s="56"/>
      <c r="F183" s="56"/>
      <c r="G183" s="56"/>
      <c r="H183" s="56"/>
      <c r="I183" s="56"/>
      <c r="J183" s="56"/>
      <c r="K183" s="56"/>
      <c r="L183" s="56"/>
      <c r="M183" s="56"/>
      <c r="N183" s="56"/>
      <c r="O183" s="56"/>
      <c r="P183" s="56"/>
      <c r="Q183" s="15"/>
      <c r="R183" s="15"/>
      <c r="S183" s="15"/>
      <c r="T183" s="56"/>
      <c r="U183" s="56"/>
      <c r="V183" s="56"/>
      <c r="W183" s="56"/>
      <c r="X183" s="56"/>
      <c r="Y183" s="56"/>
      <c r="Z183" s="56"/>
      <c r="AA183" s="56"/>
      <c r="AB183" s="56"/>
      <c r="AC183" s="56"/>
      <c r="AD183" s="56"/>
      <c r="AE183" s="56"/>
      <c r="AF183" s="56"/>
      <c r="AG183" s="56"/>
      <c r="AH183" s="56"/>
      <c r="AI183" s="56"/>
      <c r="AJ183" s="56"/>
      <c r="AK183" s="56"/>
      <c r="AL183" s="56"/>
      <c r="AM183" s="56"/>
      <c r="AN183" s="56"/>
      <c r="AO183" s="56"/>
      <c r="AP183" s="56"/>
      <c r="AQ183" s="56"/>
      <c r="AR183" s="56"/>
      <c r="AS183" s="56"/>
      <c r="AT183" s="56"/>
      <c r="AU183" s="56"/>
      <c r="AV183" s="56"/>
      <c r="AW183" s="56"/>
      <c r="AX183" s="56"/>
      <c r="AY183" s="56"/>
      <c r="AZ183" s="56"/>
      <c r="BA183" s="56"/>
    </row>
    <row r="184" spans="1:53" ht="15.75" customHeight="1">
      <c r="A184" s="56"/>
      <c r="B184" s="56"/>
      <c r="C184" s="56"/>
      <c r="D184" s="56"/>
      <c r="E184" s="56"/>
      <c r="F184" s="56"/>
      <c r="G184" s="56"/>
      <c r="H184" s="56"/>
      <c r="I184" s="56"/>
      <c r="J184" s="56"/>
      <c r="K184" s="56"/>
      <c r="L184" s="56"/>
      <c r="M184" s="56"/>
      <c r="N184" s="56"/>
      <c r="O184" s="56"/>
      <c r="P184" s="56"/>
      <c r="Q184" s="15"/>
      <c r="R184" s="15"/>
      <c r="S184" s="15"/>
      <c r="T184" s="56"/>
      <c r="U184" s="56"/>
      <c r="V184" s="56"/>
      <c r="W184" s="56"/>
      <c r="X184" s="56"/>
      <c r="Y184" s="56"/>
      <c r="Z184" s="56"/>
      <c r="AA184" s="56"/>
      <c r="AB184" s="56"/>
      <c r="AC184" s="56"/>
      <c r="AD184" s="56"/>
      <c r="AE184" s="56"/>
      <c r="AF184" s="56"/>
      <c r="AG184" s="56"/>
      <c r="AH184" s="56"/>
      <c r="AI184" s="56"/>
      <c r="AJ184" s="56"/>
      <c r="AK184" s="56"/>
      <c r="AL184" s="56"/>
      <c r="AM184" s="56"/>
      <c r="AN184" s="56"/>
      <c r="AO184" s="56"/>
      <c r="AP184" s="56"/>
      <c r="AQ184" s="56"/>
      <c r="AR184" s="56"/>
      <c r="AS184" s="56"/>
      <c r="AT184" s="56"/>
      <c r="AU184" s="56"/>
      <c r="AV184" s="56"/>
      <c r="AW184" s="56"/>
      <c r="AX184" s="56"/>
      <c r="AY184" s="56"/>
      <c r="AZ184" s="56"/>
      <c r="BA184" s="56"/>
    </row>
    <row r="185" spans="1:53" ht="15.75" customHeight="1">
      <c r="A185" s="56"/>
      <c r="B185" s="56"/>
      <c r="C185" s="56"/>
      <c r="D185" s="56"/>
      <c r="E185" s="56"/>
      <c r="F185" s="56"/>
      <c r="G185" s="56"/>
      <c r="H185" s="56"/>
      <c r="I185" s="56"/>
      <c r="J185" s="56"/>
      <c r="K185" s="56"/>
      <c r="L185" s="56"/>
      <c r="M185" s="56"/>
      <c r="N185" s="56"/>
      <c r="O185" s="56"/>
      <c r="P185" s="56"/>
      <c r="Q185" s="15"/>
      <c r="R185" s="15"/>
      <c r="S185" s="15"/>
      <c r="T185" s="56"/>
      <c r="U185" s="56"/>
      <c r="V185" s="56"/>
      <c r="W185" s="56"/>
      <c r="X185" s="56"/>
      <c r="Y185" s="56"/>
      <c r="Z185" s="56"/>
      <c r="AA185" s="56"/>
      <c r="AB185" s="56"/>
      <c r="AC185" s="56"/>
      <c r="AD185" s="56"/>
      <c r="AE185" s="56"/>
      <c r="AF185" s="56"/>
      <c r="AG185" s="56"/>
      <c r="AH185" s="56"/>
      <c r="AI185" s="56"/>
      <c r="AJ185" s="56"/>
      <c r="AK185" s="56"/>
      <c r="AL185" s="56"/>
      <c r="AM185" s="56"/>
      <c r="AN185" s="56"/>
      <c r="AO185" s="56"/>
      <c r="AP185" s="56"/>
      <c r="AQ185" s="56"/>
      <c r="AR185" s="56"/>
      <c r="AS185" s="56"/>
      <c r="AT185" s="56"/>
      <c r="AU185" s="56"/>
      <c r="AV185" s="56"/>
      <c r="AW185" s="56"/>
      <c r="AX185" s="56"/>
      <c r="AY185" s="56"/>
      <c r="AZ185" s="56"/>
      <c r="BA185" s="56"/>
    </row>
    <row r="186" spans="1:53" ht="15.75" customHeight="1">
      <c r="A186" s="56"/>
      <c r="B186" s="56"/>
      <c r="C186" s="56"/>
      <c r="D186" s="56"/>
      <c r="E186" s="56"/>
      <c r="F186" s="56"/>
      <c r="G186" s="56"/>
      <c r="H186" s="56"/>
      <c r="I186" s="56"/>
      <c r="J186" s="56"/>
      <c r="K186" s="56"/>
      <c r="L186" s="56"/>
      <c r="M186" s="56"/>
      <c r="N186" s="56"/>
      <c r="O186" s="56"/>
      <c r="P186" s="56"/>
      <c r="Q186" s="15"/>
      <c r="R186" s="15"/>
      <c r="S186" s="15"/>
      <c r="T186" s="56"/>
      <c r="U186" s="56"/>
      <c r="V186" s="56"/>
      <c r="W186" s="56"/>
      <c r="X186" s="56"/>
      <c r="Y186" s="56"/>
      <c r="Z186" s="56"/>
      <c r="AA186" s="56"/>
      <c r="AB186" s="56"/>
      <c r="AC186" s="56"/>
      <c r="AD186" s="56"/>
      <c r="AE186" s="56"/>
      <c r="AF186" s="56"/>
      <c r="AG186" s="56"/>
      <c r="AH186" s="56"/>
      <c r="AI186" s="56"/>
      <c r="AJ186" s="56"/>
      <c r="AK186" s="56"/>
      <c r="AL186" s="56"/>
      <c r="AM186" s="56"/>
      <c r="AN186" s="56"/>
      <c r="AO186" s="56"/>
      <c r="AP186" s="56"/>
      <c r="AQ186" s="56"/>
      <c r="AR186" s="56"/>
      <c r="AS186" s="56"/>
      <c r="AT186" s="56"/>
      <c r="AU186" s="56"/>
      <c r="AV186" s="56"/>
      <c r="AW186" s="56"/>
      <c r="AX186" s="56"/>
      <c r="AY186" s="56"/>
      <c r="AZ186" s="56"/>
      <c r="BA186" s="56"/>
    </row>
    <row r="187" spans="1:53" ht="15.75" customHeight="1">
      <c r="A187" s="56"/>
      <c r="B187" s="56"/>
      <c r="C187" s="56"/>
      <c r="D187" s="56"/>
      <c r="E187" s="56"/>
      <c r="F187" s="56"/>
      <c r="G187" s="56"/>
      <c r="H187" s="56"/>
      <c r="I187" s="56"/>
      <c r="J187" s="56"/>
      <c r="K187" s="56"/>
      <c r="L187" s="56"/>
      <c r="M187" s="56"/>
      <c r="N187" s="56"/>
      <c r="O187" s="56"/>
      <c r="P187" s="56"/>
      <c r="Q187" s="15"/>
      <c r="R187" s="15"/>
      <c r="S187" s="15"/>
      <c r="T187" s="56"/>
      <c r="U187" s="56"/>
      <c r="V187" s="56"/>
      <c r="W187" s="56"/>
      <c r="X187" s="56"/>
      <c r="Y187" s="56"/>
      <c r="Z187" s="56"/>
      <c r="AA187" s="56"/>
      <c r="AB187" s="56"/>
      <c r="AC187" s="56"/>
      <c r="AD187" s="56"/>
      <c r="AE187" s="56"/>
      <c r="AF187" s="56"/>
      <c r="AG187" s="56"/>
      <c r="AH187" s="56"/>
      <c r="AI187" s="56"/>
      <c r="AJ187" s="56"/>
      <c r="AK187" s="56"/>
      <c r="AL187" s="56"/>
      <c r="AM187" s="56"/>
      <c r="AN187" s="56"/>
      <c r="AO187" s="56"/>
      <c r="AP187" s="56"/>
      <c r="AQ187" s="56"/>
      <c r="AR187" s="56"/>
      <c r="AS187" s="56"/>
      <c r="AT187" s="56"/>
      <c r="AU187" s="56"/>
      <c r="AV187" s="56"/>
      <c r="AW187" s="56"/>
      <c r="AX187" s="56"/>
      <c r="AY187" s="56"/>
      <c r="AZ187" s="56"/>
      <c r="BA187" s="56"/>
    </row>
    <row r="188" spans="1:53" ht="15.75" customHeight="1">
      <c r="A188" s="56"/>
      <c r="B188" s="56"/>
      <c r="C188" s="56"/>
      <c r="D188" s="56"/>
      <c r="E188" s="56"/>
      <c r="F188" s="56"/>
      <c r="G188" s="56"/>
      <c r="H188" s="56"/>
      <c r="I188" s="56"/>
      <c r="J188" s="56"/>
      <c r="K188" s="56"/>
      <c r="L188" s="56"/>
      <c r="M188" s="56"/>
      <c r="N188" s="56"/>
      <c r="O188" s="56"/>
      <c r="P188" s="56"/>
      <c r="Q188" s="15"/>
      <c r="R188" s="15"/>
      <c r="S188" s="15"/>
      <c r="T188" s="56"/>
      <c r="U188" s="56"/>
      <c r="V188" s="56"/>
      <c r="W188" s="56"/>
      <c r="X188" s="56"/>
      <c r="Y188" s="56"/>
      <c r="Z188" s="56"/>
      <c r="AA188" s="56"/>
      <c r="AB188" s="56"/>
      <c r="AC188" s="56"/>
      <c r="AD188" s="56"/>
      <c r="AE188" s="56"/>
      <c r="AF188" s="56"/>
      <c r="AG188" s="56"/>
      <c r="AH188" s="56"/>
      <c r="AI188" s="56"/>
      <c r="AJ188" s="56"/>
      <c r="AK188" s="56"/>
      <c r="AL188" s="56"/>
      <c r="AM188" s="56"/>
      <c r="AN188" s="56"/>
      <c r="AO188" s="56"/>
      <c r="AP188" s="56"/>
      <c r="AQ188" s="56"/>
      <c r="AR188" s="56"/>
      <c r="AS188" s="56"/>
      <c r="AT188" s="56"/>
      <c r="AU188" s="56"/>
      <c r="AV188" s="56"/>
      <c r="AW188" s="56"/>
      <c r="AX188" s="56"/>
      <c r="AY188" s="56"/>
      <c r="AZ188" s="56"/>
      <c r="BA188" s="56"/>
    </row>
    <row r="189" spans="1:53" ht="15.75" customHeight="1">
      <c r="A189" s="56"/>
      <c r="B189" s="56"/>
      <c r="C189" s="56"/>
      <c r="D189" s="56"/>
      <c r="E189" s="56"/>
      <c r="F189" s="56"/>
      <c r="G189" s="56"/>
      <c r="H189" s="56"/>
      <c r="I189" s="56"/>
      <c r="J189" s="56"/>
      <c r="K189" s="56"/>
      <c r="L189" s="56"/>
      <c r="M189" s="56"/>
      <c r="N189" s="56"/>
      <c r="O189" s="56"/>
      <c r="P189" s="56"/>
      <c r="Q189" s="15"/>
      <c r="R189" s="15"/>
      <c r="S189" s="15"/>
      <c r="T189" s="56"/>
      <c r="U189" s="56"/>
      <c r="V189" s="56"/>
      <c r="W189" s="56"/>
      <c r="X189" s="56"/>
      <c r="Y189" s="56"/>
      <c r="Z189" s="56"/>
      <c r="AA189" s="56"/>
      <c r="AB189" s="56"/>
      <c r="AC189" s="56"/>
      <c r="AD189" s="56"/>
      <c r="AE189" s="56"/>
      <c r="AF189" s="56"/>
      <c r="AG189" s="56"/>
      <c r="AH189" s="56"/>
      <c r="AI189" s="56"/>
      <c r="AJ189" s="56"/>
      <c r="AK189" s="56"/>
      <c r="AL189" s="56"/>
      <c r="AM189" s="56"/>
      <c r="AN189" s="56"/>
      <c r="AO189" s="56"/>
      <c r="AP189" s="56"/>
      <c r="AQ189" s="56"/>
      <c r="AR189" s="56"/>
      <c r="AS189" s="56"/>
      <c r="AT189" s="56"/>
      <c r="AU189" s="56"/>
      <c r="AV189" s="56"/>
      <c r="AW189" s="56"/>
      <c r="AX189" s="56"/>
      <c r="AY189" s="56"/>
      <c r="AZ189" s="56"/>
      <c r="BA189" s="56"/>
    </row>
    <row r="190" spans="1:53" ht="15.75" customHeight="1">
      <c r="A190" s="56"/>
      <c r="B190" s="56"/>
      <c r="C190" s="56"/>
      <c r="D190" s="56"/>
      <c r="E190" s="56"/>
      <c r="F190" s="56"/>
      <c r="G190" s="56"/>
      <c r="H190" s="56"/>
      <c r="I190" s="56"/>
      <c r="J190" s="56"/>
      <c r="K190" s="56"/>
      <c r="L190" s="56"/>
      <c r="M190" s="56"/>
      <c r="N190" s="56"/>
      <c r="O190" s="56"/>
      <c r="P190" s="56"/>
      <c r="Q190" s="15"/>
      <c r="R190" s="15"/>
      <c r="S190" s="15"/>
      <c r="T190" s="56"/>
      <c r="U190" s="56"/>
      <c r="V190" s="56"/>
      <c r="W190" s="56"/>
      <c r="X190" s="56"/>
      <c r="Y190" s="56"/>
      <c r="Z190" s="56"/>
      <c r="AA190" s="56"/>
      <c r="AB190" s="56"/>
      <c r="AC190" s="56"/>
      <c r="AD190" s="56"/>
      <c r="AE190" s="56"/>
      <c r="AF190" s="56"/>
      <c r="AG190" s="56"/>
      <c r="AH190" s="56"/>
      <c r="AI190" s="56"/>
      <c r="AJ190" s="56"/>
      <c r="AK190" s="56"/>
      <c r="AL190" s="56"/>
      <c r="AM190" s="56"/>
      <c r="AN190" s="56"/>
      <c r="AO190" s="56"/>
      <c r="AP190" s="56"/>
      <c r="AQ190" s="56"/>
      <c r="AR190" s="56"/>
      <c r="AS190" s="56"/>
      <c r="AT190" s="56"/>
      <c r="AU190" s="56"/>
      <c r="AV190" s="56"/>
      <c r="AW190" s="56"/>
      <c r="AX190" s="56"/>
      <c r="AY190" s="56"/>
      <c r="AZ190" s="56"/>
      <c r="BA190" s="56"/>
    </row>
    <row r="191" spans="1:53" ht="15.75" customHeight="1">
      <c r="A191" s="56"/>
      <c r="B191" s="56"/>
      <c r="C191" s="56"/>
      <c r="D191" s="56"/>
      <c r="E191" s="56"/>
      <c r="F191" s="56"/>
      <c r="G191" s="56"/>
      <c r="H191" s="56"/>
      <c r="I191" s="56"/>
      <c r="J191" s="56"/>
      <c r="K191" s="56"/>
      <c r="L191" s="56"/>
      <c r="M191" s="56"/>
      <c r="N191" s="56"/>
      <c r="O191" s="56"/>
      <c r="P191" s="56"/>
      <c r="Q191" s="15"/>
      <c r="R191" s="15"/>
      <c r="S191" s="15"/>
      <c r="T191" s="56"/>
      <c r="U191" s="56"/>
      <c r="V191" s="56"/>
      <c r="W191" s="56"/>
      <c r="X191" s="56"/>
      <c r="Y191" s="56"/>
      <c r="Z191" s="56"/>
      <c r="AA191" s="56"/>
      <c r="AB191" s="56"/>
      <c r="AC191" s="56"/>
      <c r="AD191" s="56"/>
      <c r="AE191" s="56"/>
      <c r="AF191" s="56"/>
      <c r="AG191" s="56"/>
      <c r="AH191" s="56"/>
      <c r="AI191" s="56"/>
      <c r="AJ191" s="56"/>
      <c r="AK191" s="56"/>
      <c r="AL191" s="56"/>
      <c r="AM191" s="56"/>
      <c r="AN191" s="56"/>
      <c r="AO191" s="56"/>
      <c r="AP191" s="56"/>
      <c r="AQ191" s="56"/>
      <c r="AR191" s="56"/>
      <c r="AS191" s="56"/>
      <c r="AT191" s="56"/>
      <c r="AU191" s="56"/>
      <c r="AV191" s="56"/>
      <c r="AW191" s="56"/>
      <c r="AX191" s="56"/>
      <c r="AY191" s="56"/>
      <c r="AZ191" s="56"/>
      <c r="BA191" s="56"/>
    </row>
    <row r="192" spans="1:53" ht="15.75" customHeight="1">
      <c r="A192" s="56"/>
      <c r="B192" s="56"/>
      <c r="C192" s="56"/>
      <c r="D192" s="56"/>
      <c r="E192" s="56"/>
      <c r="F192" s="56"/>
      <c r="G192" s="56"/>
      <c r="H192" s="56"/>
      <c r="I192" s="56"/>
      <c r="J192" s="56"/>
      <c r="K192" s="56"/>
      <c r="L192" s="56"/>
      <c r="M192" s="56"/>
      <c r="N192" s="56"/>
      <c r="O192" s="56"/>
      <c r="P192" s="56"/>
      <c r="Q192" s="15"/>
      <c r="R192" s="15"/>
      <c r="S192" s="15"/>
      <c r="T192" s="56"/>
      <c r="U192" s="56"/>
      <c r="V192" s="56"/>
      <c r="W192" s="56"/>
      <c r="X192" s="56"/>
      <c r="Y192" s="56"/>
      <c r="Z192" s="56"/>
      <c r="AA192" s="56"/>
      <c r="AB192" s="56"/>
      <c r="AC192" s="56"/>
      <c r="AD192" s="56"/>
      <c r="AE192" s="56"/>
      <c r="AF192" s="56"/>
      <c r="AG192" s="56"/>
      <c r="AH192" s="56"/>
      <c r="AI192" s="56"/>
      <c r="AJ192" s="56"/>
      <c r="AK192" s="56"/>
      <c r="AL192" s="56"/>
      <c r="AM192" s="56"/>
      <c r="AN192" s="56"/>
      <c r="AO192" s="56"/>
      <c r="AP192" s="56"/>
      <c r="AQ192" s="56"/>
      <c r="AR192" s="56"/>
      <c r="AS192" s="56"/>
      <c r="AT192" s="56"/>
      <c r="AU192" s="56"/>
      <c r="AV192" s="56"/>
      <c r="AW192" s="56"/>
      <c r="AX192" s="56"/>
      <c r="AY192" s="56"/>
      <c r="AZ192" s="56"/>
      <c r="BA192" s="56"/>
    </row>
    <row r="193" spans="1:53" ht="15.75" customHeight="1">
      <c r="A193" s="56"/>
      <c r="B193" s="56"/>
      <c r="C193" s="56"/>
      <c r="D193" s="56"/>
      <c r="E193" s="56"/>
      <c r="F193" s="56"/>
      <c r="G193" s="56"/>
      <c r="H193" s="56"/>
      <c r="I193" s="56"/>
      <c r="J193" s="56"/>
      <c r="K193" s="56"/>
      <c r="L193" s="56"/>
      <c r="M193" s="56"/>
      <c r="N193" s="56"/>
      <c r="O193" s="56"/>
      <c r="P193" s="56"/>
      <c r="Q193" s="15"/>
      <c r="R193" s="15"/>
      <c r="S193" s="15"/>
      <c r="T193" s="56"/>
      <c r="U193" s="56"/>
      <c r="V193" s="56"/>
      <c r="W193" s="56"/>
      <c r="X193" s="56"/>
      <c r="Y193" s="56"/>
      <c r="Z193" s="56"/>
      <c r="AA193" s="56"/>
      <c r="AB193" s="56"/>
      <c r="AC193" s="56"/>
      <c r="AD193" s="56"/>
      <c r="AE193" s="56"/>
      <c r="AF193" s="56"/>
      <c r="AG193" s="56"/>
      <c r="AH193" s="56"/>
      <c r="AI193" s="56"/>
      <c r="AJ193" s="56"/>
      <c r="AK193" s="56"/>
      <c r="AL193" s="56"/>
      <c r="AM193" s="56"/>
      <c r="AN193" s="56"/>
      <c r="AO193" s="56"/>
      <c r="AP193" s="56"/>
      <c r="AQ193" s="56"/>
      <c r="AR193" s="56"/>
      <c r="AS193" s="56"/>
      <c r="AT193" s="56"/>
      <c r="AU193" s="56"/>
      <c r="AV193" s="56"/>
      <c r="AW193" s="56"/>
      <c r="AX193" s="56"/>
      <c r="AY193" s="56"/>
      <c r="AZ193" s="56"/>
      <c r="BA193" s="56"/>
    </row>
    <row r="194" spans="1:53" ht="15.75" customHeight="1">
      <c r="A194" s="56"/>
      <c r="B194" s="56"/>
      <c r="C194" s="56"/>
      <c r="D194" s="56"/>
      <c r="E194" s="56"/>
      <c r="F194" s="56"/>
      <c r="G194" s="56"/>
      <c r="H194" s="56"/>
      <c r="I194" s="56"/>
      <c r="J194" s="56"/>
      <c r="K194" s="56"/>
      <c r="L194" s="56"/>
      <c r="M194" s="56"/>
      <c r="N194" s="56"/>
      <c r="O194" s="56"/>
      <c r="P194" s="56"/>
      <c r="Q194" s="15"/>
      <c r="R194" s="15"/>
      <c r="S194" s="15"/>
      <c r="T194" s="56"/>
      <c r="U194" s="56"/>
      <c r="V194" s="56"/>
      <c r="W194" s="56"/>
      <c r="X194" s="56"/>
      <c r="Y194" s="56"/>
      <c r="Z194" s="56"/>
      <c r="AA194" s="56"/>
      <c r="AB194" s="56"/>
      <c r="AC194" s="56"/>
      <c r="AD194" s="56"/>
      <c r="AE194" s="56"/>
      <c r="AF194" s="56"/>
      <c r="AG194" s="56"/>
      <c r="AH194" s="56"/>
      <c r="AI194" s="56"/>
      <c r="AJ194" s="56"/>
      <c r="AK194" s="56"/>
      <c r="AL194" s="56"/>
      <c r="AM194" s="56"/>
      <c r="AN194" s="56"/>
      <c r="AO194" s="56"/>
      <c r="AP194" s="56"/>
      <c r="AQ194" s="56"/>
      <c r="AR194" s="56"/>
      <c r="AS194" s="56"/>
      <c r="AT194" s="56"/>
      <c r="AU194" s="56"/>
      <c r="AV194" s="56"/>
      <c r="AW194" s="56"/>
      <c r="AX194" s="56"/>
      <c r="AY194" s="56"/>
      <c r="AZ194" s="56"/>
      <c r="BA194" s="56"/>
    </row>
    <row r="195" spans="1:53" ht="15.75" customHeight="1">
      <c r="A195" s="56"/>
      <c r="B195" s="56"/>
      <c r="C195" s="56"/>
      <c r="D195" s="56"/>
      <c r="E195" s="56"/>
      <c r="F195" s="56"/>
      <c r="G195" s="56"/>
      <c r="H195" s="56"/>
      <c r="I195" s="56"/>
      <c r="J195" s="56"/>
      <c r="K195" s="56"/>
      <c r="L195" s="56"/>
      <c r="M195" s="56"/>
      <c r="N195" s="56"/>
      <c r="O195" s="56"/>
      <c r="P195" s="56"/>
      <c r="Q195" s="15"/>
      <c r="R195" s="15"/>
      <c r="S195" s="15"/>
      <c r="T195" s="56"/>
      <c r="U195" s="56"/>
      <c r="V195" s="56"/>
      <c r="W195" s="56"/>
      <c r="X195" s="56"/>
      <c r="Y195" s="56"/>
      <c r="Z195" s="56"/>
      <c r="AA195" s="56"/>
      <c r="AB195" s="56"/>
      <c r="AC195" s="56"/>
      <c r="AD195" s="56"/>
      <c r="AE195" s="56"/>
      <c r="AF195" s="56"/>
      <c r="AG195" s="56"/>
      <c r="AH195" s="56"/>
      <c r="AI195" s="56"/>
      <c r="AJ195" s="56"/>
      <c r="AK195" s="56"/>
      <c r="AL195" s="56"/>
      <c r="AM195" s="56"/>
      <c r="AN195" s="56"/>
      <c r="AO195" s="56"/>
      <c r="AP195" s="56"/>
      <c r="AQ195" s="56"/>
      <c r="AR195" s="56"/>
      <c r="AS195" s="56"/>
      <c r="AT195" s="56"/>
      <c r="AU195" s="56"/>
      <c r="AV195" s="56"/>
      <c r="AW195" s="56"/>
      <c r="AX195" s="56"/>
      <c r="AY195" s="56"/>
      <c r="AZ195" s="56"/>
      <c r="BA195" s="56"/>
    </row>
    <row r="196" spans="1:53" ht="15.75" customHeight="1">
      <c r="A196" s="56"/>
      <c r="B196" s="56"/>
      <c r="C196" s="56"/>
      <c r="D196" s="56"/>
      <c r="E196" s="56"/>
      <c r="F196" s="56"/>
      <c r="G196" s="56"/>
      <c r="H196" s="56"/>
      <c r="I196" s="56"/>
      <c r="J196" s="56"/>
      <c r="K196" s="56"/>
      <c r="L196" s="56"/>
      <c r="M196" s="56"/>
      <c r="N196" s="56"/>
      <c r="O196" s="56"/>
      <c r="P196" s="56"/>
      <c r="Q196" s="15"/>
      <c r="R196" s="15"/>
      <c r="S196" s="15"/>
      <c r="T196" s="56"/>
      <c r="U196" s="56"/>
      <c r="V196" s="56"/>
      <c r="W196" s="56"/>
      <c r="X196" s="56"/>
      <c r="Y196" s="56"/>
      <c r="Z196" s="56"/>
      <c r="AA196" s="56"/>
      <c r="AB196" s="56"/>
      <c r="AC196" s="56"/>
      <c r="AD196" s="56"/>
      <c r="AE196" s="56"/>
      <c r="AF196" s="56"/>
      <c r="AG196" s="56"/>
      <c r="AH196" s="56"/>
      <c r="AI196" s="56"/>
      <c r="AJ196" s="56"/>
      <c r="AK196" s="56"/>
      <c r="AL196" s="56"/>
      <c r="AM196" s="56"/>
      <c r="AN196" s="56"/>
      <c r="AO196" s="56"/>
      <c r="AP196" s="56"/>
      <c r="AQ196" s="56"/>
      <c r="AR196" s="56"/>
      <c r="AS196" s="56"/>
      <c r="AT196" s="56"/>
      <c r="AU196" s="56"/>
      <c r="AV196" s="56"/>
      <c r="AW196" s="56"/>
      <c r="AX196" s="56"/>
      <c r="AY196" s="56"/>
      <c r="AZ196" s="56"/>
      <c r="BA196" s="56"/>
    </row>
    <row r="197" spans="1:53" ht="15.75" customHeight="1">
      <c r="A197" s="56"/>
      <c r="B197" s="56"/>
      <c r="C197" s="56"/>
      <c r="D197" s="56"/>
      <c r="E197" s="56"/>
      <c r="F197" s="56"/>
      <c r="G197" s="56"/>
      <c r="H197" s="56"/>
      <c r="I197" s="56"/>
      <c r="J197" s="56"/>
      <c r="K197" s="56"/>
      <c r="L197" s="56"/>
      <c r="M197" s="56"/>
      <c r="N197" s="56"/>
      <c r="O197" s="56"/>
      <c r="P197" s="56"/>
      <c r="Q197" s="15"/>
      <c r="R197" s="15"/>
      <c r="S197" s="15"/>
      <c r="T197" s="56"/>
      <c r="U197" s="56"/>
      <c r="V197" s="56"/>
      <c r="W197" s="56"/>
      <c r="X197" s="56"/>
      <c r="Y197" s="56"/>
      <c r="Z197" s="56"/>
      <c r="AA197" s="56"/>
      <c r="AB197" s="56"/>
      <c r="AC197" s="56"/>
      <c r="AD197" s="56"/>
      <c r="AE197" s="56"/>
      <c r="AF197" s="56"/>
      <c r="AG197" s="56"/>
      <c r="AH197" s="56"/>
      <c r="AI197" s="56"/>
      <c r="AJ197" s="56"/>
      <c r="AK197" s="56"/>
      <c r="AL197" s="56"/>
      <c r="AM197" s="56"/>
      <c r="AN197" s="56"/>
      <c r="AO197" s="56"/>
      <c r="AP197" s="56"/>
      <c r="AQ197" s="56"/>
      <c r="AR197" s="56"/>
      <c r="AS197" s="56"/>
      <c r="AT197" s="56"/>
      <c r="AU197" s="56"/>
      <c r="AV197" s="56"/>
      <c r="AW197" s="56"/>
      <c r="AX197" s="56"/>
      <c r="AY197" s="56"/>
      <c r="AZ197" s="56"/>
      <c r="BA197" s="56"/>
    </row>
    <row r="198" spans="1:53" ht="15.75" customHeight="1">
      <c r="A198" s="56"/>
      <c r="B198" s="56"/>
      <c r="C198" s="56"/>
      <c r="D198" s="56"/>
      <c r="E198" s="56"/>
      <c r="F198" s="56"/>
      <c r="G198" s="56"/>
      <c r="H198" s="56"/>
      <c r="I198" s="56"/>
      <c r="J198" s="56"/>
      <c r="K198" s="56"/>
      <c r="L198" s="56"/>
      <c r="M198" s="56"/>
      <c r="N198" s="56"/>
      <c r="O198" s="56"/>
      <c r="P198" s="56"/>
      <c r="Q198" s="15"/>
      <c r="R198" s="15"/>
      <c r="S198" s="15"/>
      <c r="T198" s="56"/>
      <c r="U198" s="56"/>
      <c r="V198" s="56"/>
      <c r="W198" s="56"/>
      <c r="X198" s="56"/>
      <c r="Y198" s="56"/>
      <c r="Z198" s="56"/>
      <c r="AA198" s="56"/>
      <c r="AB198" s="56"/>
      <c r="AC198" s="56"/>
      <c r="AD198" s="56"/>
      <c r="AE198" s="56"/>
      <c r="AF198" s="56"/>
      <c r="AG198" s="56"/>
      <c r="AH198" s="56"/>
      <c r="AI198" s="56"/>
      <c r="AJ198" s="56"/>
      <c r="AK198" s="56"/>
      <c r="AL198" s="56"/>
      <c r="AM198" s="56"/>
      <c r="AN198" s="56"/>
      <c r="AO198" s="56"/>
      <c r="AP198" s="56"/>
      <c r="AQ198" s="56"/>
      <c r="AR198" s="56"/>
      <c r="AS198" s="56"/>
      <c r="AT198" s="56"/>
      <c r="AU198" s="56"/>
      <c r="AV198" s="56"/>
      <c r="AW198" s="56"/>
      <c r="AX198" s="56"/>
      <c r="AY198" s="56"/>
      <c r="AZ198" s="56"/>
      <c r="BA198" s="56"/>
    </row>
    <row r="199" spans="1:53" ht="15.75" customHeight="1">
      <c r="A199" s="56"/>
      <c r="B199" s="56"/>
      <c r="C199" s="56"/>
      <c r="D199" s="56"/>
      <c r="E199" s="56"/>
      <c r="F199" s="56"/>
      <c r="G199" s="56"/>
      <c r="H199" s="56"/>
      <c r="I199" s="56"/>
      <c r="J199" s="56"/>
      <c r="K199" s="56"/>
      <c r="L199" s="56"/>
      <c r="M199" s="56"/>
      <c r="N199" s="56"/>
      <c r="O199" s="56"/>
      <c r="P199" s="56"/>
      <c r="Q199" s="15"/>
      <c r="R199" s="15"/>
      <c r="S199" s="15"/>
      <c r="T199" s="56"/>
      <c r="U199" s="56"/>
      <c r="V199" s="56"/>
      <c r="W199" s="56"/>
      <c r="X199" s="56"/>
      <c r="Y199" s="56"/>
      <c r="Z199" s="56"/>
      <c r="AA199" s="56"/>
      <c r="AB199" s="56"/>
      <c r="AC199" s="56"/>
      <c r="AD199" s="56"/>
      <c r="AE199" s="56"/>
      <c r="AF199" s="56"/>
      <c r="AG199" s="56"/>
      <c r="AH199" s="56"/>
      <c r="AI199" s="56"/>
      <c r="AJ199" s="56"/>
      <c r="AK199" s="56"/>
      <c r="AL199" s="56"/>
      <c r="AM199" s="56"/>
      <c r="AN199" s="56"/>
      <c r="AO199" s="56"/>
      <c r="AP199" s="56"/>
      <c r="AQ199" s="56"/>
      <c r="AR199" s="56"/>
      <c r="AS199" s="56"/>
      <c r="AT199" s="56"/>
      <c r="AU199" s="56"/>
      <c r="AV199" s="56"/>
      <c r="AW199" s="56"/>
      <c r="AX199" s="56"/>
      <c r="AY199" s="56"/>
      <c r="AZ199" s="56"/>
      <c r="BA199" s="56"/>
    </row>
    <row r="200" spans="1:53" ht="15.75" customHeight="1">
      <c r="A200" s="56"/>
      <c r="B200" s="56"/>
      <c r="C200" s="56"/>
      <c r="D200" s="56"/>
      <c r="E200" s="56"/>
      <c r="F200" s="56"/>
      <c r="G200" s="56"/>
      <c r="H200" s="56"/>
      <c r="I200" s="56"/>
      <c r="J200" s="56"/>
      <c r="K200" s="56"/>
      <c r="L200" s="56"/>
      <c r="M200" s="56"/>
      <c r="N200" s="56"/>
      <c r="O200" s="56"/>
      <c r="P200" s="56"/>
      <c r="Q200" s="15"/>
      <c r="R200" s="15"/>
      <c r="S200" s="15"/>
      <c r="T200" s="56"/>
      <c r="U200" s="56"/>
      <c r="V200" s="56"/>
      <c r="W200" s="56"/>
      <c r="X200" s="56"/>
      <c r="Y200" s="56"/>
      <c r="Z200" s="56"/>
      <c r="AA200" s="56"/>
      <c r="AB200" s="56"/>
      <c r="AC200" s="56"/>
      <c r="AD200" s="56"/>
      <c r="AE200" s="56"/>
      <c r="AF200" s="56"/>
      <c r="AG200" s="56"/>
      <c r="AH200" s="56"/>
      <c r="AI200" s="56"/>
      <c r="AJ200" s="56"/>
      <c r="AK200" s="56"/>
      <c r="AL200" s="56"/>
      <c r="AM200" s="56"/>
      <c r="AN200" s="56"/>
      <c r="AO200" s="56"/>
      <c r="AP200" s="56"/>
      <c r="AQ200" s="56"/>
      <c r="AR200" s="56"/>
      <c r="AS200" s="56"/>
      <c r="AT200" s="56"/>
      <c r="AU200" s="56"/>
      <c r="AV200" s="56"/>
      <c r="AW200" s="56"/>
      <c r="AX200" s="56"/>
      <c r="AY200" s="56"/>
      <c r="AZ200" s="56"/>
      <c r="BA200" s="56"/>
    </row>
    <row r="201" spans="1:53" ht="15.75" customHeight="1">
      <c r="A201" s="56"/>
      <c r="B201" s="56"/>
      <c r="C201" s="56"/>
      <c r="D201" s="56"/>
      <c r="E201" s="56"/>
      <c r="F201" s="56"/>
      <c r="G201" s="56"/>
      <c r="H201" s="56"/>
      <c r="I201" s="56"/>
      <c r="J201" s="56"/>
      <c r="K201" s="56"/>
      <c r="L201" s="56"/>
      <c r="M201" s="56"/>
      <c r="N201" s="56"/>
      <c r="O201" s="56"/>
      <c r="P201" s="56"/>
      <c r="Q201" s="15"/>
      <c r="R201" s="15"/>
      <c r="S201" s="15"/>
      <c r="T201" s="56"/>
      <c r="U201" s="56"/>
      <c r="V201" s="56"/>
      <c r="W201" s="56"/>
      <c r="X201" s="56"/>
      <c r="Y201" s="56"/>
      <c r="Z201" s="56"/>
      <c r="AA201" s="56"/>
      <c r="AB201" s="56"/>
      <c r="AC201" s="56"/>
      <c r="AD201" s="56"/>
      <c r="AE201" s="56"/>
      <c r="AF201" s="56"/>
      <c r="AG201" s="56"/>
      <c r="AH201" s="56"/>
      <c r="AI201" s="56"/>
      <c r="AJ201" s="56"/>
      <c r="AK201" s="56"/>
      <c r="AL201" s="56"/>
      <c r="AM201" s="56"/>
      <c r="AN201" s="56"/>
      <c r="AO201" s="56"/>
      <c r="AP201" s="56"/>
      <c r="AQ201" s="56"/>
      <c r="AR201" s="56"/>
      <c r="AS201" s="56"/>
      <c r="AT201" s="56"/>
      <c r="AU201" s="56"/>
      <c r="AV201" s="56"/>
      <c r="AW201" s="56"/>
      <c r="AX201" s="56"/>
      <c r="AY201" s="56"/>
      <c r="AZ201" s="56"/>
      <c r="BA201" s="56"/>
    </row>
    <row r="202" spans="1:53" ht="15.75" customHeight="1">
      <c r="A202" s="56"/>
      <c r="B202" s="56"/>
      <c r="C202" s="56"/>
      <c r="D202" s="56"/>
      <c r="E202" s="56"/>
      <c r="F202" s="56"/>
      <c r="G202" s="56"/>
      <c r="H202" s="56"/>
      <c r="I202" s="56"/>
      <c r="J202" s="56"/>
      <c r="K202" s="56"/>
      <c r="L202" s="56"/>
      <c r="M202" s="56"/>
      <c r="N202" s="56"/>
      <c r="O202" s="56"/>
      <c r="P202" s="56"/>
      <c r="Q202" s="15"/>
      <c r="R202" s="15"/>
      <c r="S202" s="15"/>
      <c r="T202" s="56"/>
      <c r="U202" s="56"/>
      <c r="V202" s="56"/>
      <c r="W202" s="56"/>
      <c r="X202" s="56"/>
      <c r="Y202" s="56"/>
      <c r="Z202" s="56"/>
      <c r="AA202" s="56"/>
      <c r="AB202" s="56"/>
      <c r="AC202" s="56"/>
      <c r="AD202" s="56"/>
      <c r="AE202" s="56"/>
      <c r="AF202" s="56"/>
      <c r="AG202" s="56"/>
      <c r="AH202" s="56"/>
      <c r="AI202" s="56"/>
      <c r="AJ202" s="56"/>
      <c r="AK202" s="56"/>
      <c r="AL202" s="56"/>
      <c r="AM202" s="56"/>
      <c r="AN202" s="56"/>
      <c r="AO202" s="56"/>
      <c r="AP202" s="56"/>
      <c r="AQ202" s="56"/>
      <c r="AR202" s="56"/>
      <c r="AS202" s="56"/>
      <c r="AT202" s="56"/>
      <c r="AU202" s="56"/>
      <c r="AV202" s="56"/>
      <c r="AW202" s="56"/>
      <c r="AX202" s="56"/>
      <c r="AY202" s="56"/>
      <c r="AZ202" s="56"/>
      <c r="BA202" s="56"/>
    </row>
    <row r="203" spans="1:53" ht="15.75" customHeight="1">
      <c r="A203" s="56"/>
      <c r="B203" s="56"/>
      <c r="C203" s="56"/>
      <c r="D203" s="56"/>
      <c r="E203" s="56"/>
      <c r="F203" s="56"/>
      <c r="G203" s="56"/>
      <c r="H203" s="56"/>
      <c r="I203" s="56"/>
      <c r="J203" s="56"/>
      <c r="K203" s="56"/>
      <c r="L203" s="56"/>
      <c r="M203" s="56"/>
      <c r="N203" s="56"/>
      <c r="O203" s="56"/>
      <c r="P203" s="56"/>
      <c r="Q203" s="15"/>
      <c r="R203" s="15"/>
      <c r="S203" s="15"/>
      <c r="T203" s="56"/>
      <c r="U203" s="56"/>
      <c r="V203" s="56"/>
      <c r="W203" s="56"/>
      <c r="X203" s="56"/>
      <c r="Y203" s="56"/>
      <c r="Z203" s="56"/>
      <c r="AA203" s="56"/>
      <c r="AB203" s="56"/>
      <c r="AC203" s="56"/>
      <c r="AD203" s="56"/>
      <c r="AE203" s="56"/>
      <c r="AF203" s="56"/>
      <c r="AG203" s="56"/>
      <c r="AH203" s="56"/>
      <c r="AI203" s="56"/>
      <c r="AJ203" s="56"/>
      <c r="AK203" s="56"/>
      <c r="AL203" s="56"/>
      <c r="AM203" s="56"/>
      <c r="AN203" s="56"/>
      <c r="AO203" s="56"/>
      <c r="AP203" s="56"/>
      <c r="AQ203" s="56"/>
      <c r="AR203" s="56"/>
      <c r="AS203" s="56"/>
      <c r="AT203" s="56"/>
      <c r="AU203" s="56"/>
      <c r="AV203" s="56"/>
      <c r="AW203" s="56"/>
      <c r="AX203" s="56"/>
      <c r="AY203" s="56"/>
      <c r="AZ203" s="56"/>
      <c r="BA203" s="56"/>
    </row>
    <row r="204" spans="1:53" ht="15.75" customHeight="1">
      <c r="A204" s="56"/>
      <c r="B204" s="56"/>
      <c r="C204" s="56"/>
      <c r="D204" s="56"/>
      <c r="E204" s="56"/>
      <c r="F204" s="56"/>
      <c r="G204" s="56"/>
      <c r="H204" s="56"/>
      <c r="I204" s="56"/>
      <c r="J204" s="56"/>
      <c r="K204" s="56"/>
      <c r="L204" s="56"/>
      <c r="M204" s="56"/>
      <c r="N204" s="56"/>
      <c r="O204" s="56"/>
      <c r="P204" s="56"/>
      <c r="Q204" s="15"/>
      <c r="R204" s="15"/>
      <c r="S204" s="15"/>
      <c r="T204" s="56"/>
      <c r="U204" s="56"/>
      <c r="V204" s="56"/>
      <c r="W204" s="56"/>
      <c r="X204" s="56"/>
      <c r="Y204" s="56"/>
      <c r="Z204" s="56"/>
      <c r="AA204" s="56"/>
      <c r="AB204" s="56"/>
      <c r="AC204" s="56"/>
      <c r="AD204" s="56"/>
      <c r="AE204" s="56"/>
      <c r="AF204" s="56"/>
      <c r="AG204" s="56"/>
      <c r="AH204" s="56"/>
      <c r="AI204" s="56"/>
      <c r="AJ204" s="56"/>
      <c r="AK204" s="56"/>
      <c r="AL204" s="56"/>
      <c r="AM204" s="56"/>
      <c r="AN204" s="56"/>
      <c r="AO204" s="56"/>
      <c r="AP204" s="56"/>
      <c r="AQ204" s="56"/>
      <c r="AR204" s="56"/>
      <c r="AS204" s="56"/>
      <c r="AT204" s="56"/>
      <c r="AU204" s="56"/>
      <c r="AV204" s="56"/>
      <c r="AW204" s="56"/>
      <c r="AX204" s="56"/>
      <c r="AY204" s="56"/>
      <c r="AZ204" s="56"/>
      <c r="BA204" s="56"/>
    </row>
    <row r="205" spans="1:53" ht="15.75" customHeight="1">
      <c r="A205" s="56"/>
      <c r="B205" s="56"/>
      <c r="C205" s="56"/>
      <c r="D205" s="56"/>
      <c r="E205" s="56"/>
      <c r="F205" s="56"/>
      <c r="G205" s="56"/>
      <c r="H205" s="56"/>
      <c r="I205" s="56"/>
      <c r="J205" s="56"/>
      <c r="K205" s="56"/>
      <c r="L205" s="56"/>
      <c r="M205" s="56"/>
      <c r="N205" s="56"/>
      <c r="O205" s="56"/>
      <c r="P205" s="56"/>
      <c r="Q205" s="15"/>
      <c r="R205" s="15"/>
      <c r="S205" s="15"/>
      <c r="T205" s="56"/>
      <c r="U205" s="56"/>
      <c r="V205" s="56"/>
      <c r="W205" s="56"/>
      <c r="X205" s="56"/>
      <c r="Y205" s="56"/>
      <c r="Z205" s="56"/>
      <c r="AA205" s="56"/>
      <c r="AB205" s="56"/>
      <c r="AC205" s="56"/>
      <c r="AD205" s="56"/>
      <c r="AE205" s="56"/>
      <c r="AF205" s="56"/>
      <c r="AG205" s="56"/>
      <c r="AH205" s="56"/>
      <c r="AI205" s="56"/>
      <c r="AJ205" s="56"/>
      <c r="AK205" s="56"/>
      <c r="AL205" s="56"/>
      <c r="AM205" s="56"/>
      <c r="AN205" s="56"/>
      <c r="AO205" s="56"/>
      <c r="AP205" s="56"/>
      <c r="AQ205" s="56"/>
      <c r="AR205" s="56"/>
      <c r="AS205" s="56"/>
      <c r="AT205" s="56"/>
      <c r="AU205" s="56"/>
      <c r="AV205" s="56"/>
      <c r="AW205" s="56"/>
      <c r="AX205" s="56"/>
      <c r="AY205" s="56"/>
      <c r="AZ205" s="56"/>
      <c r="BA205" s="56"/>
    </row>
    <row r="206" spans="1:53" ht="15.75" customHeight="1">
      <c r="A206" s="56"/>
      <c r="B206" s="56"/>
      <c r="C206" s="56"/>
      <c r="D206" s="56"/>
      <c r="E206" s="56"/>
      <c r="F206" s="56"/>
      <c r="G206" s="56"/>
      <c r="H206" s="56"/>
      <c r="I206" s="56"/>
      <c r="J206" s="56"/>
      <c r="K206" s="56"/>
      <c r="L206" s="56"/>
      <c r="M206" s="56"/>
      <c r="N206" s="56"/>
      <c r="O206" s="56"/>
      <c r="P206" s="56"/>
      <c r="Q206" s="15"/>
      <c r="R206" s="15"/>
      <c r="S206" s="15"/>
      <c r="T206" s="56"/>
      <c r="U206" s="56"/>
      <c r="V206" s="56"/>
      <c r="W206" s="56"/>
      <c r="X206" s="56"/>
      <c r="Y206" s="56"/>
      <c r="Z206" s="56"/>
      <c r="AA206" s="56"/>
      <c r="AB206" s="56"/>
      <c r="AC206" s="56"/>
      <c r="AD206" s="56"/>
      <c r="AE206" s="56"/>
      <c r="AF206" s="56"/>
      <c r="AG206" s="56"/>
      <c r="AH206" s="56"/>
      <c r="AI206" s="56"/>
      <c r="AJ206" s="56"/>
      <c r="AK206" s="56"/>
      <c r="AL206" s="56"/>
      <c r="AM206" s="56"/>
      <c r="AN206" s="56"/>
      <c r="AO206" s="56"/>
      <c r="AP206" s="56"/>
      <c r="AQ206" s="56"/>
      <c r="AR206" s="56"/>
      <c r="AS206" s="56"/>
      <c r="AT206" s="56"/>
      <c r="AU206" s="56"/>
      <c r="AV206" s="56"/>
      <c r="AW206" s="56"/>
      <c r="AX206" s="56"/>
      <c r="AY206" s="56"/>
      <c r="AZ206" s="56"/>
      <c r="BA206" s="56"/>
    </row>
    <row r="207" spans="1:53" ht="15.75" customHeight="1">
      <c r="A207" s="56"/>
      <c r="B207" s="56"/>
      <c r="C207" s="56"/>
      <c r="D207" s="56"/>
      <c r="E207" s="56"/>
      <c r="F207" s="56"/>
      <c r="G207" s="56"/>
      <c r="H207" s="56"/>
      <c r="I207" s="56"/>
      <c r="J207" s="56"/>
      <c r="K207" s="56"/>
      <c r="L207" s="56"/>
      <c r="M207" s="56"/>
      <c r="N207" s="56"/>
      <c r="O207" s="56"/>
      <c r="P207" s="56"/>
      <c r="Q207" s="15"/>
      <c r="R207" s="15"/>
      <c r="S207" s="15"/>
      <c r="T207" s="56"/>
      <c r="U207" s="56"/>
      <c r="V207" s="56"/>
      <c r="W207" s="56"/>
      <c r="X207" s="56"/>
      <c r="Y207" s="56"/>
      <c r="Z207" s="56"/>
      <c r="AA207" s="56"/>
      <c r="AB207" s="56"/>
      <c r="AC207" s="56"/>
      <c r="AD207" s="56"/>
      <c r="AE207" s="56"/>
      <c r="AF207" s="56"/>
      <c r="AG207" s="56"/>
      <c r="AH207" s="56"/>
      <c r="AI207" s="56"/>
      <c r="AJ207" s="56"/>
      <c r="AK207" s="56"/>
      <c r="AL207" s="56"/>
      <c r="AM207" s="56"/>
      <c r="AN207" s="56"/>
      <c r="AO207" s="56"/>
      <c r="AP207" s="56"/>
      <c r="AQ207" s="56"/>
      <c r="AR207" s="56"/>
      <c r="AS207" s="56"/>
      <c r="AT207" s="56"/>
      <c r="AU207" s="56"/>
      <c r="AV207" s="56"/>
      <c r="AW207" s="56"/>
      <c r="AX207" s="56"/>
      <c r="AY207" s="56"/>
      <c r="AZ207" s="56"/>
      <c r="BA207" s="56"/>
    </row>
    <row r="208" spans="1:53" ht="15.75" customHeight="1">
      <c r="A208" s="56"/>
      <c r="B208" s="56"/>
      <c r="C208" s="56"/>
      <c r="D208" s="56"/>
      <c r="E208" s="56"/>
      <c r="F208" s="56"/>
      <c r="G208" s="56"/>
      <c r="H208" s="56"/>
      <c r="I208" s="56"/>
      <c r="J208" s="56"/>
      <c r="K208" s="56"/>
      <c r="L208" s="56"/>
      <c r="M208" s="56"/>
      <c r="N208" s="56"/>
      <c r="O208" s="56"/>
      <c r="P208" s="56"/>
      <c r="Q208" s="15"/>
      <c r="R208" s="15"/>
      <c r="S208" s="15"/>
      <c r="T208" s="56"/>
      <c r="U208" s="56"/>
      <c r="V208" s="56"/>
      <c r="W208" s="56"/>
      <c r="X208" s="56"/>
      <c r="Y208" s="56"/>
      <c r="Z208" s="56"/>
      <c r="AA208" s="56"/>
      <c r="AB208" s="56"/>
      <c r="AC208" s="56"/>
      <c r="AD208" s="56"/>
      <c r="AE208" s="56"/>
      <c r="AF208" s="56"/>
      <c r="AG208" s="56"/>
      <c r="AH208" s="56"/>
      <c r="AI208" s="56"/>
      <c r="AJ208" s="56"/>
      <c r="AK208" s="56"/>
      <c r="AL208" s="56"/>
      <c r="AM208" s="56"/>
      <c r="AN208" s="56"/>
      <c r="AO208" s="56"/>
      <c r="AP208" s="56"/>
      <c r="AQ208" s="56"/>
      <c r="AR208" s="56"/>
      <c r="AS208" s="56"/>
      <c r="AT208" s="56"/>
      <c r="AU208" s="56"/>
      <c r="AV208" s="56"/>
      <c r="AW208" s="56"/>
      <c r="AX208" s="56"/>
      <c r="AY208" s="56"/>
      <c r="AZ208" s="56"/>
      <c r="BA208" s="56"/>
    </row>
    <row r="209" spans="1:53" ht="15.75" customHeight="1">
      <c r="A209" s="56"/>
      <c r="B209" s="56"/>
      <c r="C209" s="56"/>
      <c r="D209" s="56"/>
      <c r="E209" s="56"/>
      <c r="F209" s="56"/>
      <c r="G209" s="56"/>
      <c r="H209" s="56"/>
      <c r="I209" s="56"/>
      <c r="J209" s="56"/>
      <c r="K209" s="56"/>
      <c r="L209" s="56"/>
      <c r="M209" s="56"/>
      <c r="N209" s="56"/>
      <c r="O209" s="56"/>
      <c r="P209" s="56"/>
      <c r="Q209" s="15"/>
      <c r="R209" s="15"/>
      <c r="S209" s="15"/>
      <c r="T209" s="56"/>
      <c r="U209" s="56"/>
      <c r="V209" s="56"/>
      <c r="W209" s="56"/>
      <c r="X209" s="56"/>
      <c r="Y209" s="56"/>
      <c r="Z209" s="56"/>
      <c r="AA209" s="56"/>
      <c r="AB209" s="56"/>
      <c r="AC209" s="56"/>
      <c r="AD209" s="56"/>
      <c r="AE209" s="56"/>
      <c r="AF209" s="56"/>
      <c r="AG209" s="56"/>
      <c r="AH209" s="56"/>
      <c r="AI209" s="56"/>
      <c r="AJ209" s="56"/>
      <c r="AK209" s="56"/>
      <c r="AL209" s="56"/>
      <c r="AM209" s="56"/>
      <c r="AN209" s="56"/>
      <c r="AO209" s="56"/>
      <c r="AP209" s="56"/>
      <c r="AQ209" s="56"/>
      <c r="AR209" s="56"/>
      <c r="AS209" s="56"/>
      <c r="AT209" s="56"/>
      <c r="AU209" s="56"/>
      <c r="AV209" s="56"/>
      <c r="AW209" s="56"/>
      <c r="AX209" s="56"/>
      <c r="AY209" s="56"/>
      <c r="AZ209" s="56"/>
      <c r="BA209" s="56"/>
    </row>
    <row r="210" spans="1:53" ht="15.75" customHeight="1">
      <c r="A210" s="56"/>
      <c r="B210" s="56"/>
      <c r="C210" s="56"/>
      <c r="D210" s="56"/>
      <c r="E210" s="56"/>
      <c r="F210" s="56"/>
      <c r="G210" s="56"/>
      <c r="H210" s="56"/>
      <c r="I210" s="56"/>
      <c r="J210" s="56"/>
      <c r="K210" s="56"/>
      <c r="L210" s="56"/>
      <c r="M210" s="56"/>
      <c r="N210" s="56"/>
      <c r="O210" s="56"/>
      <c r="P210" s="56"/>
      <c r="Q210" s="15"/>
      <c r="R210" s="15"/>
      <c r="S210" s="15"/>
      <c r="T210" s="56"/>
      <c r="U210" s="56"/>
      <c r="V210" s="56"/>
      <c r="W210" s="56"/>
      <c r="X210" s="56"/>
      <c r="Y210" s="56"/>
      <c r="Z210" s="56"/>
      <c r="AA210" s="56"/>
      <c r="AB210" s="56"/>
      <c r="AC210" s="56"/>
      <c r="AD210" s="56"/>
      <c r="AE210" s="56"/>
      <c r="AF210" s="56"/>
      <c r="AG210" s="56"/>
      <c r="AH210" s="56"/>
      <c r="AI210" s="56"/>
      <c r="AJ210" s="56"/>
      <c r="AK210" s="56"/>
      <c r="AL210" s="56"/>
      <c r="AM210" s="56"/>
      <c r="AN210" s="56"/>
      <c r="AO210" s="56"/>
      <c r="AP210" s="56"/>
      <c r="AQ210" s="56"/>
      <c r="AR210" s="56"/>
      <c r="AS210" s="56"/>
      <c r="AT210" s="56"/>
      <c r="AU210" s="56"/>
      <c r="AV210" s="56"/>
      <c r="AW210" s="56"/>
      <c r="AX210" s="56"/>
      <c r="AY210" s="56"/>
      <c r="AZ210" s="56"/>
      <c r="BA210" s="56"/>
    </row>
    <row r="211" spans="1:53" ht="15.75" customHeight="1">
      <c r="A211" s="56"/>
      <c r="B211" s="56"/>
      <c r="C211" s="56"/>
      <c r="D211" s="56"/>
      <c r="E211" s="56"/>
      <c r="F211" s="56"/>
      <c r="G211" s="56"/>
      <c r="H211" s="56"/>
      <c r="I211" s="56"/>
      <c r="J211" s="56"/>
      <c r="K211" s="56"/>
      <c r="L211" s="56"/>
      <c r="M211" s="56"/>
      <c r="N211" s="56"/>
      <c r="O211" s="56"/>
      <c r="P211" s="56"/>
      <c r="Q211" s="15"/>
      <c r="R211" s="15"/>
      <c r="S211" s="15"/>
      <c r="T211" s="56"/>
      <c r="U211" s="56"/>
      <c r="V211" s="56"/>
      <c r="W211" s="56"/>
      <c r="X211" s="56"/>
      <c r="Y211" s="56"/>
      <c r="Z211" s="56"/>
      <c r="AA211" s="56"/>
      <c r="AB211" s="56"/>
      <c r="AC211" s="56"/>
      <c r="AD211" s="56"/>
      <c r="AE211" s="56"/>
      <c r="AF211" s="56"/>
      <c r="AG211" s="56"/>
      <c r="AH211" s="56"/>
      <c r="AI211" s="56"/>
      <c r="AJ211" s="56"/>
      <c r="AK211" s="56"/>
      <c r="AL211" s="56"/>
      <c r="AM211" s="56"/>
      <c r="AN211" s="56"/>
      <c r="AO211" s="56"/>
      <c r="AP211" s="56"/>
      <c r="AQ211" s="56"/>
      <c r="AR211" s="56"/>
      <c r="AS211" s="56"/>
      <c r="AT211" s="56"/>
      <c r="AU211" s="56"/>
      <c r="AV211" s="56"/>
      <c r="AW211" s="56"/>
      <c r="AX211" s="56"/>
      <c r="AY211" s="56"/>
      <c r="AZ211" s="56"/>
      <c r="BA211" s="56"/>
    </row>
    <row r="212" spans="1:53" ht="15.75" customHeight="1">
      <c r="A212" s="56"/>
      <c r="B212" s="56"/>
      <c r="C212" s="56"/>
      <c r="D212" s="56"/>
      <c r="E212" s="56"/>
      <c r="F212" s="56"/>
      <c r="G212" s="56"/>
      <c r="H212" s="56"/>
      <c r="I212" s="56"/>
      <c r="J212" s="56"/>
      <c r="K212" s="56"/>
      <c r="L212" s="56"/>
      <c r="M212" s="56"/>
      <c r="N212" s="56"/>
      <c r="O212" s="56"/>
      <c r="P212" s="56"/>
      <c r="Q212" s="15"/>
      <c r="R212" s="15"/>
      <c r="S212" s="15"/>
      <c r="T212" s="56"/>
      <c r="U212" s="56"/>
      <c r="V212" s="56"/>
      <c r="W212" s="56"/>
      <c r="X212" s="56"/>
      <c r="Y212" s="56"/>
      <c r="Z212" s="56"/>
      <c r="AA212" s="56"/>
      <c r="AB212" s="56"/>
      <c r="AC212" s="56"/>
      <c r="AD212" s="56"/>
      <c r="AE212" s="56"/>
      <c r="AF212" s="56"/>
      <c r="AG212" s="56"/>
      <c r="AH212" s="56"/>
      <c r="AI212" s="56"/>
      <c r="AJ212" s="56"/>
      <c r="AK212" s="56"/>
      <c r="AL212" s="56"/>
      <c r="AM212" s="56"/>
      <c r="AN212" s="56"/>
      <c r="AO212" s="56"/>
      <c r="AP212" s="56"/>
      <c r="AQ212" s="56"/>
      <c r="AR212" s="56"/>
      <c r="AS212" s="56"/>
      <c r="AT212" s="56"/>
      <c r="AU212" s="56"/>
      <c r="AV212" s="56"/>
      <c r="AW212" s="56"/>
      <c r="AX212" s="56"/>
      <c r="AY212" s="56"/>
      <c r="AZ212" s="56"/>
      <c r="BA212" s="56"/>
    </row>
    <row r="213" spans="1:53" ht="15.75" customHeight="1">
      <c r="A213" s="56"/>
      <c r="B213" s="56"/>
      <c r="C213" s="56"/>
      <c r="D213" s="56"/>
      <c r="E213" s="56"/>
      <c r="F213" s="56"/>
      <c r="G213" s="56"/>
      <c r="H213" s="56"/>
      <c r="I213" s="56"/>
      <c r="J213" s="56"/>
      <c r="K213" s="56"/>
      <c r="L213" s="56"/>
      <c r="M213" s="56"/>
      <c r="N213" s="56"/>
      <c r="O213" s="56"/>
      <c r="P213" s="56"/>
      <c r="Q213" s="15"/>
      <c r="R213" s="15"/>
      <c r="S213" s="15"/>
      <c r="T213" s="56"/>
      <c r="U213" s="56"/>
      <c r="V213" s="56"/>
      <c r="W213" s="56"/>
      <c r="X213" s="56"/>
      <c r="Y213" s="56"/>
      <c r="Z213" s="56"/>
      <c r="AA213" s="56"/>
      <c r="AB213" s="56"/>
      <c r="AC213" s="56"/>
      <c r="AD213" s="56"/>
      <c r="AE213" s="56"/>
      <c r="AF213" s="56"/>
      <c r="AG213" s="56"/>
      <c r="AH213" s="56"/>
      <c r="AI213" s="56"/>
      <c r="AJ213" s="56"/>
      <c r="AK213" s="56"/>
      <c r="AL213" s="56"/>
      <c r="AM213" s="56"/>
      <c r="AN213" s="56"/>
      <c r="AO213" s="56"/>
      <c r="AP213" s="56"/>
      <c r="AQ213" s="56"/>
      <c r="AR213" s="56"/>
      <c r="AS213" s="56"/>
      <c r="AT213" s="56"/>
      <c r="AU213" s="56"/>
      <c r="AV213" s="56"/>
      <c r="AW213" s="56"/>
      <c r="AX213" s="56"/>
      <c r="AY213" s="56"/>
      <c r="AZ213" s="56"/>
      <c r="BA213" s="56"/>
    </row>
    <row r="214" spans="1:53" ht="15.75" customHeight="1">
      <c r="A214" s="56"/>
      <c r="B214" s="56"/>
      <c r="C214" s="56"/>
      <c r="D214" s="56"/>
      <c r="E214" s="56"/>
      <c r="F214" s="56"/>
      <c r="G214" s="56"/>
      <c r="H214" s="56"/>
      <c r="I214" s="56"/>
      <c r="J214" s="56"/>
      <c r="K214" s="56"/>
      <c r="L214" s="56"/>
      <c r="M214" s="56"/>
      <c r="N214" s="56"/>
      <c r="O214" s="56"/>
      <c r="P214" s="56"/>
      <c r="Q214" s="15"/>
      <c r="R214" s="15"/>
      <c r="S214" s="15"/>
      <c r="T214" s="56"/>
      <c r="U214" s="56"/>
      <c r="V214" s="56"/>
      <c r="W214" s="56"/>
      <c r="X214" s="56"/>
      <c r="Y214" s="56"/>
      <c r="Z214" s="56"/>
      <c r="AA214" s="56"/>
      <c r="AB214" s="56"/>
      <c r="AC214" s="56"/>
      <c r="AD214" s="56"/>
      <c r="AE214" s="56"/>
      <c r="AF214" s="56"/>
      <c r="AG214" s="56"/>
      <c r="AH214" s="56"/>
      <c r="AI214" s="56"/>
      <c r="AJ214" s="56"/>
      <c r="AK214" s="56"/>
      <c r="AL214" s="56"/>
      <c r="AM214" s="56"/>
      <c r="AN214" s="56"/>
      <c r="AO214" s="56"/>
      <c r="AP214" s="56"/>
      <c r="AQ214" s="56"/>
      <c r="AR214" s="56"/>
      <c r="AS214" s="56"/>
      <c r="AT214" s="56"/>
      <c r="AU214" s="56"/>
      <c r="AV214" s="56"/>
      <c r="AW214" s="56"/>
      <c r="AX214" s="56"/>
      <c r="AY214" s="56"/>
      <c r="AZ214" s="56"/>
      <c r="BA214" s="56"/>
    </row>
    <row r="215" spans="1:53" ht="15.75" customHeight="1">
      <c r="A215" s="56"/>
      <c r="B215" s="56"/>
      <c r="C215" s="56"/>
      <c r="D215" s="56"/>
      <c r="E215" s="56"/>
      <c r="F215" s="56"/>
      <c r="G215" s="56"/>
      <c r="H215" s="56"/>
      <c r="I215" s="56"/>
      <c r="J215" s="56"/>
      <c r="K215" s="56"/>
      <c r="L215" s="56"/>
      <c r="M215" s="56"/>
      <c r="N215" s="56"/>
      <c r="O215" s="56"/>
      <c r="P215" s="56"/>
      <c r="Q215" s="15"/>
      <c r="R215" s="15"/>
      <c r="S215" s="15"/>
      <c r="T215" s="56"/>
      <c r="U215" s="56"/>
      <c r="V215" s="56"/>
      <c r="W215" s="56"/>
      <c r="X215" s="56"/>
      <c r="Y215" s="56"/>
      <c r="Z215" s="56"/>
      <c r="AA215" s="56"/>
      <c r="AB215" s="56"/>
      <c r="AC215" s="56"/>
      <c r="AD215" s="56"/>
      <c r="AE215" s="56"/>
      <c r="AF215" s="56"/>
      <c r="AG215" s="56"/>
      <c r="AH215" s="56"/>
      <c r="AI215" s="56"/>
      <c r="AJ215" s="56"/>
      <c r="AK215" s="56"/>
      <c r="AL215" s="56"/>
      <c r="AM215" s="56"/>
      <c r="AN215" s="56"/>
      <c r="AO215" s="56"/>
      <c r="AP215" s="56"/>
      <c r="AQ215" s="56"/>
      <c r="AR215" s="56"/>
      <c r="AS215" s="56"/>
      <c r="AT215" s="56"/>
      <c r="AU215" s="56"/>
      <c r="AV215" s="56"/>
      <c r="AW215" s="56"/>
      <c r="AX215" s="56"/>
      <c r="AY215" s="56"/>
      <c r="AZ215" s="56"/>
      <c r="BA215" s="56"/>
    </row>
    <row r="216" spans="1:53" ht="15.75" customHeight="1">
      <c r="A216" s="56"/>
      <c r="B216" s="56"/>
      <c r="C216" s="56"/>
      <c r="D216" s="56"/>
      <c r="E216" s="56"/>
      <c r="F216" s="56"/>
      <c r="G216" s="56"/>
      <c r="H216" s="56"/>
      <c r="I216" s="56"/>
      <c r="J216" s="56"/>
      <c r="K216" s="56"/>
      <c r="L216" s="56"/>
      <c r="M216" s="56"/>
      <c r="N216" s="56"/>
      <c r="O216" s="56"/>
      <c r="P216" s="56"/>
      <c r="Q216" s="15"/>
      <c r="R216" s="15"/>
      <c r="S216" s="15"/>
      <c r="T216" s="56"/>
      <c r="U216" s="56"/>
      <c r="V216" s="56"/>
      <c r="W216" s="56"/>
      <c r="X216" s="56"/>
      <c r="Y216" s="56"/>
      <c r="Z216" s="56"/>
      <c r="AA216" s="56"/>
      <c r="AB216" s="56"/>
      <c r="AC216" s="56"/>
      <c r="AD216" s="56"/>
      <c r="AE216" s="56"/>
      <c r="AF216" s="56"/>
      <c r="AG216" s="56"/>
      <c r="AH216" s="56"/>
      <c r="AI216" s="56"/>
      <c r="AJ216" s="56"/>
      <c r="AK216" s="56"/>
      <c r="AL216" s="56"/>
      <c r="AM216" s="56"/>
      <c r="AN216" s="56"/>
      <c r="AO216" s="56"/>
      <c r="AP216" s="56"/>
      <c r="AQ216" s="56"/>
      <c r="AR216" s="56"/>
      <c r="AS216" s="56"/>
      <c r="AT216" s="56"/>
      <c r="AU216" s="56"/>
      <c r="AV216" s="56"/>
      <c r="AW216" s="56"/>
      <c r="AX216" s="56"/>
      <c r="AY216" s="56"/>
      <c r="AZ216" s="56"/>
      <c r="BA216" s="56"/>
    </row>
    <row r="217" spans="1:53" ht="15.75" customHeight="1">
      <c r="A217" s="56"/>
      <c r="B217" s="56"/>
      <c r="C217" s="56"/>
      <c r="D217" s="56"/>
      <c r="E217" s="56"/>
      <c r="F217" s="56"/>
      <c r="G217" s="56"/>
      <c r="H217" s="56"/>
      <c r="I217" s="56"/>
      <c r="J217" s="56"/>
      <c r="K217" s="56"/>
      <c r="L217" s="56"/>
      <c r="M217" s="56"/>
      <c r="N217" s="56"/>
      <c r="O217" s="56"/>
      <c r="P217" s="56"/>
      <c r="Q217" s="15"/>
      <c r="R217" s="15"/>
      <c r="S217" s="15"/>
      <c r="T217" s="56"/>
      <c r="U217" s="56"/>
      <c r="V217" s="56"/>
      <c r="W217" s="56"/>
      <c r="X217" s="56"/>
      <c r="Y217" s="56"/>
      <c r="Z217" s="56"/>
      <c r="AA217" s="56"/>
      <c r="AB217" s="56"/>
      <c r="AC217" s="56"/>
      <c r="AD217" s="56"/>
      <c r="AE217" s="56"/>
      <c r="AF217" s="56"/>
      <c r="AG217" s="56"/>
      <c r="AH217" s="56"/>
      <c r="AI217" s="56"/>
      <c r="AJ217" s="56"/>
      <c r="AK217" s="56"/>
      <c r="AL217" s="56"/>
      <c r="AM217" s="56"/>
      <c r="AN217" s="56"/>
      <c r="AO217" s="56"/>
      <c r="AP217" s="56"/>
      <c r="AQ217" s="56"/>
      <c r="AR217" s="56"/>
      <c r="AS217" s="56"/>
      <c r="AT217" s="56"/>
      <c r="AU217" s="56"/>
      <c r="AV217" s="56"/>
      <c r="AW217" s="56"/>
      <c r="AX217" s="56"/>
      <c r="AY217" s="56"/>
      <c r="AZ217" s="56"/>
      <c r="BA217" s="56"/>
    </row>
    <row r="218" spans="1:53" ht="15.75" customHeight="1">
      <c r="A218" s="56"/>
      <c r="B218" s="56"/>
      <c r="C218" s="56"/>
      <c r="D218" s="56"/>
      <c r="E218" s="56"/>
      <c r="F218" s="56"/>
      <c r="G218" s="56"/>
      <c r="H218" s="56"/>
      <c r="I218" s="56"/>
      <c r="J218" s="56"/>
      <c r="K218" s="56"/>
      <c r="L218" s="56"/>
      <c r="M218" s="56"/>
      <c r="N218" s="56"/>
      <c r="O218" s="56"/>
      <c r="P218" s="56"/>
      <c r="Q218" s="15"/>
      <c r="R218" s="15"/>
      <c r="S218" s="15"/>
      <c r="T218" s="56"/>
      <c r="U218" s="56"/>
      <c r="V218" s="56"/>
      <c r="W218" s="56"/>
      <c r="X218" s="56"/>
      <c r="Y218" s="56"/>
      <c r="Z218" s="56"/>
      <c r="AA218" s="56"/>
      <c r="AB218" s="56"/>
      <c r="AC218" s="56"/>
      <c r="AD218" s="56"/>
      <c r="AE218" s="56"/>
      <c r="AF218" s="56"/>
      <c r="AG218" s="56"/>
      <c r="AH218" s="56"/>
      <c r="AI218" s="56"/>
      <c r="AJ218" s="56"/>
      <c r="AK218" s="56"/>
      <c r="AL218" s="56"/>
      <c r="AM218" s="56"/>
      <c r="AN218" s="56"/>
      <c r="AO218" s="56"/>
      <c r="AP218" s="56"/>
      <c r="AQ218" s="56"/>
      <c r="AR218" s="56"/>
      <c r="AS218" s="56"/>
      <c r="AT218" s="56"/>
      <c r="AU218" s="56"/>
      <c r="AV218" s="56"/>
      <c r="AW218" s="56"/>
      <c r="AX218" s="56"/>
      <c r="AY218" s="56"/>
      <c r="AZ218" s="56"/>
      <c r="BA218" s="56"/>
    </row>
    <row r="219" spans="1:53" ht="15.75" customHeight="1">
      <c r="A219" s="56"/>
      <c r="B219" s="56"/>
      <c r="C219" s="56"/>
      <c r="D219" s="56"/>
      <c r="E219" s="56"/>
      <c r="F219" s="56"/>
      <c r="G219" s="56"/>
      <c r="H219" s="56"/>
      <c r="I219" s="56"/>
      <c r="J219" s="56"/>
      <c r="K219" s="56"/>
      <c r="L219" s="56"/>
      <c r="M219" s="56"/>
      <c r="N219" s="56"/>
      <c r="O219" s="56"/>
      <c r="P219" s="56"/>
      <c r="Q219" s="15"/>
      <c r="R219" s="15"/>
      <c r="S219" s="15"/>
      <c r="T219" s="56"/>
      <c r="U219" s="56"/>
      <c r="V219" s="56"/>
      <c r="W219" s="56"/>
      <c r="X219" s="56"/>
      <c r="Y219" s="56"/>
      <c r="Z219" s="56"/>
      <c r="AA219" s="56"/>
      <c r="AB219" s="56"/>
      <c r="AC219" s="56"/>
      <c r="AD219" s="56"/>
      <c r="AE219" s="56"/>
      <c r="AF219" s="56"/>
      <c r="AG219" s="56"/>
      <c r="AH219" s="56"/>
      <c r="AI219" s="56"/>
      <c r="AJ219" s="56"/>
      <c r="AK219" s="56"/>
      <c r="AL219" s="56"/>
      <c r="AM219" s="56"/>
      <c r="AN219" s="56"/>
      <c r="AO219" s="56"/>
      <c r="AP219" s="56"/>
      <c r="AQ219" s="56"/>
      <c r="AR219" s="56"/>
      <c r="AS219" s="56"/>
      <c r="AT219" s="56"/>
      <c r="AU219" s="56"/>
      <c r="AV219" s="56"/>
      <c r="AW219" s="56"/>
      <c r="AX219" s="56"/>
      <c r="AY219" s="56"/>
      <c r="AZ219" s="56"/>
      <c r="BA219" s="56"/>
    </row>
    <row r="220" spans="1:53" ht="15.75" customHeight="1">
      <c r="A220" s="56"/>
      <c r="B220" s="56"/>
      <c r="C220" s="56"/>
      <c r="D220" s="56"/>
      <c r="E220" s="56"/>
      <c r="F220" s="56"/>
      <c r="G220" s="56"/>
      <c r="H220" s="56"/>
      <c r="I220" s="56"/>
      <c r="J220" s="56"/>
      <c r="K220" s="56"/>
      <c r="L220" s="56"/>
      <c r="M220" s="56"/>
      <c r="N220" s="56"/>
      <c r="O220" s="56"/>
      <c r="P220" s="56"/>
      <c r="Q220" s="15"/>
      <c r="R220" s="15"/>
      <c r="S220" s="15"/>
      <c r="T220" s="56"/>
      <c r="U220" s="56"/>
      <c r="V220" s="56"/>
      <c r="W220" s="56"/>
      <c r="X220" s="56"/>
      <c r="Y220" s="56"/>
      <c r="Z220" s="56"/>
      <c r="AA220" s="56"/>
      <c r="AB220" s="56"/>
      <c r="AC220" s="56"/>
      <c r="AD220" s="56"/>
      <c r="AE220" s="56"/>
      <c r="AF220" s="56"/>
      <c r="AG220" s="56"/>
      <c r="AH220" s="56"/>
      <c r="AI220" s="56"/>
      <c r="AJ220" s="56"/>
      <c r="AK220" s="56"/>
      <c r="AL220" s="56"/>
      <c r="AM220" s="56"/>
      <c r="AN220" s="56"/>
      <c r="AO220" s="56"/>
      <c r="AP220" s="56"/>
      <c r="AQ220" s="56"/>
      <c r="AR220" s="56"/>
      <c r="AS220" s="56"/>
      <c r="AT220" s="56"/>
      <c r="AU220" s="56"/>
      <c r="AV220" s="56"/>
      <c r="AW220" s="56"/>
      <c r="AX220" s="56"/>
      <c r="AY220" s="56"/>
      <c r="AZ220" s="56"/>
      <c r="BA220" s="56"/>
    </row>
    <row r="221" spans="1:53" ht="15.75" customHeight="1">
      <c r="A221" s="56"/>
      <c r="B221" s="56"/>
      <c r="C221" s="56"/>
      <c r="D221" s="56"/>
      <c r="E221" s="56"/>
      <c r="F221" s="56"/>
      <c r="G221" s="56"/>
      <c r="H221" s="56"/>
      <c r="I221" s="56"/>
      <c r="J221" s="56"/>
      <c r="K221" s="56"/>
      <c r="L221" s="56"/>
      <c r="M221" s="56"/>
      <c r="N221" s="56"/>
      <c r="O221" s="56"/>
      <c r="P221" s="56"/>
      <c r="Q221" s="15"/>
      <c r="R221" s="15"/>
      <c r="S221" s="15"/>
      <c r="T221" s="56"/>
      <c r="U221" s="56"/>
      <c r="V221" s="56"/>
      <c r="W221" s="56"/>
      <c r="X221" s="56"/>
      <c r="Y221" s="56"/>
      <c r="Z221" s="56"/>
      <c r="AA221" s="56"/>
      <c r="AB221" s="56"/>
      <c r="AC221" s="56"/>
      <c r="AD221" s="56"/>
      <c r="AE221" s="56"/>
      <c r="AF221" s="56"/>
      <c r="AG221" s="56"/>
      <c r="AH221" s="56"/>
      <c r="AI221" s="56"/>
      <c r="AJ221" s="56"/>
      <c r="AK221" s="56"/>
      <c r="AL221" s="56"/>
      <c r="AM221" s="56"/>
      <c r="AN221" s="56"/>
      <c r="AO221" s="56"/>
      <c r="AP221" s="56"/>
      <c r="AQ221" s="56"/>
      <c r="AR221" s="56"/>
      <c r="AS221" s="56"/>
      <c r="AT221" s="56"/>
      <c r="AU221" s="56"/>
      <c r="AV221" s="56"/>
      <c r="AW221" s="56"/>
      <c r="AX221" s="56"/>
      <c r="AY221" s="56"/>
      <c r="AZ221" s="56"/>
      <c r="BA221" s="56"/>
    </row>
    <row r="222" spans="1:53" ht="15.75" customHeight="1">
      <c r="A222" s="56"/>
      <c r="B222" s="56"/>
      <c r="C222" s="56"/>
      <c r="D222" s="56"/>
      <c r="E222" s="56"/>
      <c r="F222" s="56"/>
      <c r="G222" s="56"/>
      <c r="H222" s="56"/>
      <c r="I222" s="56"/>
      <c r="J222" s="56"/>
      <c r="K222" s="56"/>
      <c r="L222" s="56"/>
      <c r="M222" s="56"/>
      <c r="N222" s="56"/>
      <c r="O222" s="56"/>
      <c r="P222" s="56"/>
      <c r="Q222" s="15"/>
      <c r="R222" s="15"/>
      <c r="S222" s="15"/>
      <c r="T222" s="56"/>
      <c r="U222" s="56"/>
      <c r="V222" s="56"/>
      <c r="W222" s="56"/>
      <c r="X222" s="56"/>
      <c r="Y222" s="56"/>
      <c r="Z222" s="56"/>
      <c r="AA222" s="56"/>
      <c r="AB222" s="56"/>
      <c r="AC222" s="56"/>
      <c r="AD222" s="56"/>
      <c r="AE222" s="56"/>
      <c r="AF222" s="56"/>
      <c r="AG222" s="56"/>
      <c r="AH222" s="56"/>
      <c r="AI222" s="56"/>
      <c r="AJ222" s="56"/>
      <c r="AK222" s="56"/>
      <c r="AL222" s="56"/>
      <c r="AM222" s="56"/>
      <c r="AN222" s="56"/>
      <c r="AO222" s="56"/>
      <c r="AP222" s="56"/>
      <c r="AQ222" s="56"/>
      <c r="AR222" s="56"/>
      <c r="AS222" s="56"/>
      <c r="AT222" s="56"/>
      <c r="AU222" s="56"/>
      <c r="AV222" s="56"/>
      <c r="AW222" s="56"/>
      <c r="AX222" s="56"/>
      <c r="AY222" s="56"/>
      <c r="AZ222" s="56"/>
      <c r="BA222" s="56"/>
    </row>
    <row r="223" spans="1:53" ht="15.75" customHeight="1">
      <c r="A223" s="56"/>
      <c r="B223" s="56"/>
      <c r="C223" s="56"/>
      <c r="D223" s="56"/>
      <c r="E223" s="56"/>
      <c r="F223" s="56"/>
      <c r="G223" s="56"/>
      <c r="H223" s="56"/>
      <c r="I223" s="56"/>
      <c r="J223" s="56"/>
      <c r="K223" s="56"/>
      <c r="L223" s="56"/>
      <c r="M223" s="56"/>
      <c r="N223" s="56"/>
      <c r="O223" s="56"/>
      <c r="P223" s="56"/>
      <c r="Q223" s="15"/>
      <c r="R223" s="15"/>
      <c r="S223" s="15"/>
      <c r="T223" s="56"/>
      <c r="U223" s="56"/>
      <c r="V223" s="56"/>
      <c r="W223" s="56"/>
      <c r="X223" s="56"/>
      <c r="Y223" s="56"/>
      <c r="Z223" s="56"/>
      <c r="AA223" s="56"/>
      <c r="AB223" s="56"/>
      <c r="AC223" s="56"/>
      <c r="AD223" s="56"/>
      <c r="AE223" s="56"/>
      <c r="AF223" s="56"/>
      <c r="AG223" s="56"/>
      <c r="AH223" s="56"/>
      <c r="AI223" s="56"/>
      <c r="AJ223" s="56"/>
      <c r="AK223" s="56"/>
      <c r="AL223" s="56"/>
      <c r="AM223" s="56"/>
      <c r="AN223" s="56"/>
      <c r="AO223" s="56"/>
      <c r="AP223" s="56"/>
      <c r="AQ223" s="56"/>
      <c r="AR223" s="56"/>
      <c r="AS223" s="56"/>
      <c r="AT223" s="56"/>
      <c r="AU223" s="56"/>
      <c r="AV223" s="56"/>
      <c r="AW223" s="56"/>
      <c r="AX223" s="56"/>
      <c r="AY223" s="56"/>
      <c r="AZ223" s="56"/>
      <c r="BA223" s="56"/>
    </row>
    <row r="224" spans="1:53" ht="15.75" customHeight="1">
      <c r="A224" s="56"/>
      <c r="B224" s="56"/>
      <c r="C224" s="56"/>
      <c r="D224" s="56"/>
      <c r="E224" s="56"/>
      <c r="F224" s="56"/>
      <c r="G224" s="56"/>
      <c r="H224" s="56"/>
      <c r="I224" s="56"/>
      <c r="J224" s="56"/>
      <c r="K224" s="56"/>
      <c r="L224" s="56"/>
      <c r="M224" s="56"/>
      <c r="N224" s="56"/>
      <c r="O224" s="56"/>
      <c r="P224" s="56"/>
      <c r="Q224" s="15"/>
      <c r="R224" s="15"/>
      <c r="S224" s="15"/>
      <c r="T224" s="56"/>
      <c r="U224" s="56"/>
      <c r="V224" s="56"/>
      <c r="W224" s="56"/>
      <c r="X224" s="56"/>
      <c r="Y224" s="56"/>
      <c r="Z224" s="56"/>
      <c r="AA224" s="56"/>
      <c r="AB224" s="56"/>
      <c r="AC224" s="56"/>
      <c r="AD224" s="56"/>
      <c r="AE224" s="56"/>
      <c r="AF224" s="56"/>
      <c r="AG224" s="56"/>
      <c r="AH224" s="56"/>
      <c r="AI224" s="56"/>
      <c r="AJ224" s="56"/>
      <c r="AK224" s="56"/>
      <c r="AL224" s="56"/>
      <c r="AM224" s="56"/>
      <c r="AN224" s="56"/>
      <c r="AO224" s="56"/>
      <c r="AP224" s="56"/>
      <c r="AQ224" s="56"/>
      <c r="AR224" s="56"/>
      <c r="AS224" s="56"/>
      <c r="AT224" s="56"/>
      <c r="AU224" s="56"/>
      <c r="AV224" s="56"/>
      <c r="AW224" s="56"/>
      <c r="AX224" s="56"/>
      <c r="AY224" s="56"/>
      <c r="AZ224" s="56"/>
      <c r="BA224" s="56"/>
    </row>
    <row r="225" spans="1:53" ht="15.75" customHeight="1">
      <c r="A225" s="56"/>
      <c r="B225" s="56"/>
      <c r="C225" s="56"/>
      <c r="D225" s="56"/>
      <c r="E225" s="56"/>
      <c r="F225" s="56"/>
      <c r="G225" s="56"/>
      <c r="H225" s="56"/>
      <c r="I225" s="56"/>
      <c r="J225" s="56"/>
      <c r="K225" s="56"/>
      <c r="L225" s="56"/>
      <c r="M225" s="56"/>
      <c r="N225" s="56"/>
      <c r="O225" s="56"/>
      <c r="P225" s="56"/>
      <c r="Q225" s="15"/>
      <c r="R225" s="15"/>
      <c r="S225" s="15"/>
      <c r="T225" s="56"/>
      <c r="U225" s="56"/>
      <c r="V225" s="56"/>
      <c r="W225" s="56"/>
      <c r="X225" s="56"/>
      <c r="Y225" s="56"/>
      <c r="Z225" s="56"/>
      <c r="AA225" s="56"/>
      <c r="AB225" s="56"/>
      <c r="AC225" s="56"/>
      <c r="AD225" s="56"/>
      <c r="AE225" s="56"/>
      <c r="AF225" s="56"/>
      <c r="AG225" s="56"/>
      <c r="AH225" s="56"/>
      <c r="AI225" s="56"/>
      <c r="AJ225" s="56"/>
      <c r="AK225" s="56"/>
      <c r="AL225" s="56"/>
      <c r="AM225" s="56"/>
      <c r="AN225" s="56"/>
      <c r="AO225" s="56"/>
      <c r="AP225" s="56"/>
      <c r="AQ225" s="56"/>
      <c r="AR225" s="56"/>
      <c r="AS225" s="56"/>
      <c r="AT225" s="56"/>
      <c r="AU225" s="56"/>
      <c r="AV225" s="56"/>
      <c r="AW225" s="56"/>
      <c r="AX225" s="56"/>
      <c r="AY225" s="56"/>
      <c r="AZ225" s="56"/>
      <c r="BA225" s="56"/>
    </row>
    <row r="226" spans="1:53" ht="15.75" customHeight="1">
      <c r="A226" s="56"/>
      <c r="B226" s="56"/>
      <c r="C226" s="56"/>
      <c r="D226" s="56"/>
      <c r="E226" s="56"/>
      <c r="F226" s="56"/>
      <c r="G226" s="56"/>
      <c r="H226" s="56"/>
      <c r="I226" s="56"/>
      <c r="J226" s="56"/>
      <c r="K226" s="56"/>
      <c r="L226" s="56"/>
      <c r="M226" s="56"/>
      <c r="N226" s="56"/>
      <c r="O226" s="56"/>
      <c r="P226" s="56"/>
      <c r="Q226" s="15"/>
      <c r="R226" s="15"/>
      <c r="S226" s="15"/>
      <c r="T226" s="56"/>
      <c r="U226" s="56"/>
      <c r="V226" s="56"/>
      <c r="W226" s="56"/>
      <c r="X226" s="56"/>
      <c r="Y226" s="56"/>
      <c r="Z226" s="56"/>
      <c r="AA226" s="56"/>
      <c r="AB226" s="56"/>
      <c r="AC226" s="56"/>
      <c r="AD226" s="56"/>
      <c r="AE226" s="56"/>
      <c r="AF226" s="56"/>
      <c r="AG226" s="56"/>
      <c r="AH226" s="56"/>
      <c r="AI226" s="56"/>
      <c r="AJ226" s="56"/>
      <c r="AK226" s="56"/>
      <c r="AL226" s="56"/>
      <c r="AM226" s="56"/>
      <c r="AN226" s="56"/>
      <c r="AO226" s="56"/>
      <c r="AP226" s="56"/>
      <c r="AQ226" s="56"/>
      <c r="AR226" s="56"/>
      <c r="AS226" s="56"/>
      <c r="AT226" s="56"/>
      <c r="AU226" s="56"/>
      <c r="AV226" s="56"/>
      <c r="AW226" s="56"/>
      <c r="AX226" s="56"/>
      <c r="AY226" s="56"/>
      <c r="AZ226" s="56"/>
      <c r="BA226" s="56"/>
    </row>
    <row r="227" spans="1:53" ht="15.75" customHeight="1">
      <c r="A227" s="56"/>
      <c r="B227" s="56"/>
      <c r="C227" s="56"/>
      <c r="D227" s="56"/>
      <c r="E227" s="56"/>
      <c r="F227" s="56"/>
      <c r="G227" s="56"/>
      <c r="H227" s="56"/>
      <c r="I227" s="56"/>
      <c r="J227" s="56"/>
      <c r="K227" s="56"/>
      <c r="L227" s="56"/>
      <c r="M227" s="56"/>
      <c r="N227" s="56"/>
      <c r="O227" s="56"/>
      <c r="P227" s="56"/>
      <c r="Q227" s="15"/>
      <c r="R227" s="15"/>
      <c r="S227" s="15"/>
      <c r="T227" s="56"/>
      <c r="U227" s="56"/>
      <c r="V227" s="56"/>
      <c r="W227" s="56"/>
      <c r="X227" s="56"/>
      <c r="Y227" s="56"/>
      <c r="Z227" s="56"/>
      <c r="AA227" s="56"/>
      <c r="AB227" s="56"/>
      <c r="AC227" s="56"/>
      <c r="AD227" s="56"/>
      <c r="AE227" s="56"/>
      <c r="AF227" s="56"/>
      <c r="AG227" s="56"/>
      <c r="AH227" s="56"/>
      <c r="AI227" s="56"/>
      <c r="AJ227" s="56"/>
      <c r="AK227" s="56"/>
      <c r="AL227" s="56"/>
      <c r="AM227" s="56"/>
      <c r="AN227" s="56"/>
      <c r="AO227" s="56"/>
      <c r="AP227" s="56"/>
      <c r="AQ227" s="56"/>
      <c r="AR227" s="56"/>
      <c r="AS227" s="56"/>
      <c r="AT227" s="56"/>
      <c r="AU227" s="56"/>
      <c r="AV227" s="56"/>
      <c r="AW227" s="56"/>
      <c r="AX227" s="56"/>
      <c r="AY227" s="56"/>
      <c r="AZ227" s="56"/>
      <c r="BA227" s="56"/>
    </row>
    <row r="228" spans="1:53" ht="15.75" customHeight="1">
      <c r="A228" s="56"/>
      <c r="B228" s="56"/>
      <c r="C228" s="56"/>
      <c r="D228" s="56"/>
      <c r="E228" s="56"/>
      <c r="F228" s="56"/>
      <c r="G228" s="56"/>
      <c r="H228" s="56"/>
      <c r="I228" s="56"/>
      <c r="J228" s="56"/>
      <c r="K228" s="56"/>
      <c r="L228" s="56"/>
      <c r="M228" s="56"/>
      <c r="N228" s="56"/>
      <c r="O228" s="56"/>
      <c r="P228" s="56"/>
      <c r="Q228" s="15"/>
      <c r="R228" s="15"/>
      <c r="S228" s="15"/>
      <c r="T228" s="56"/>
      <c r="U228" s="56"/>
      <c r="V228" s="56"/>
      <c r="W228" s="56"/>
      <c r="X228" s="56"/>
      <c r="Y228" s="56"/>
      <c r="Z228" s="56"/>
      <c r="AA228" s="56"/>
      <c r="AB228" s="56"/>
      <c r="AC228" s="56"/>
      <c r="AD228" s="56"/>
      <c r="AE228" s="56"/>
      <c r="AF228" s="56"/>
      <c r="AG228" s="56"/>
      <c r="AH228" s="56"/>
      <c r="AI228" s="56"/>
      <c r="AJ228" s="56"/>
      <c r="AK228" s="56"/>
      <c r="AL228" s="56"/>
      <c r="AM228" s="56"/>
      <c r="AN228" s="56"/>
      <c r="AO228" s="56"/>
      <c r="AP228" s="56"/>
      <c r="AQ228" s="56"/>
      <c r="AR228" s="56"/>
      <c r="AS228" s="56"/>
      <c r="AT228" s="56"/>
      <c r="AU228" s="56"/>
      <c r="AV228" s="56"/>
      <c r="AW228" s="56"/>
      <c r="AX228" s="56"/>
      <c r="AY228" s="56"/>
      <c r="AZ228" s="56"/>
      <c r="BA228" s="56"/>
    </row>
    <row r="229" spans="1:53" ht="15.75" customHeight="1">
      <c r="A229" s="56"/>
      <c r="B229" s="56"/>
      <c r="C229" s="56"/>
      <c r="D229" s="56"/>
      <c r="E229" s="56"/>
      <c r="F229" s="56"/>
      <c r="G229" s="56"/>
      <c r="H229" s="56"/>
      <c r="I229" s="56"/>
      <c r="J229" s="56"/>
      <c r="K229" s="56"/>
      <c r="L229" s="56"/>
      <c r="M229" s="56"/>
      <c r="N229" s="56"/>
      <c r="O229" s="56"/>
      <c r="P229" s="56"/>
      <c r="Q229" s="15"/>
      <c r="R229" s="15"/>
      <c r="S229" s="15"/>
      <c r="T229" s="56"/>
      <c r="U229" s="56"/>
      <c r="V229" s="56"/>
      <c r="W229" s="56"/>
      <c r="X229" s="56"/>
      <c r="Y229" s="56"/>
      <c r="Z229" s="56"/>
      <c r="AA229" s="56"/>
      <c r="AB229" s="56"/>
      <c r="AC229" s="56"/>
      <c r="AD229" s="56"/>
      <c r="AE229" s="56"/>
      <c r="AF229" s="56"/>
      <c r="AG229" s="56"/>
      <c r="AH229" s="56"/>
      <c r="AI229" s="56"/>
      <c r="AJ229" s="56"/>
      <c r="AK229" s="56"/>
      <c r="AL229" s="56"/>
      <c r="AM229" s="56"/>
      <c r="AN229" s="56"/>
      <c r="AO229" s="56"/>
      <c r="AP229" s="56"/>
      <c r="AQ229" s="56"/>
      <c r="AR229" s="56"/>
      <c r="AS229" s="56"/>
      <c r="AT229" s="56"/>
      <c r="AU229" s="56"/>
      <c r="AV229" s="56"/>
      <c r="AW229" s="56"/>
      <c r="AX229" s="56"/>
      <c r="AY229" s="56"/>
      <c r="AZ229" s="56"/>
      <c r="BA229" s="56"/>
    </row>
    <row r="230" spans="1:53" ht="15.75" customHeight="1">
      <c r="A230" s="56"/>
      <c r="B230" s="56"/>
      <c r="C230" s="56"/>
      <c r="D230" s="56"/>
      <c r="E230" s="56"/>
      <c r="F230" s="56"/>
      <c r="G230" s="56"/>
      <c r="H230" s="56"/>
      <c r="I230" s="56"/>
      <c r="J230" s="56"/>
      <c r="K230" s="56"/>
      <c r="L230" s="56"/>
      <c r="M230" s="56"/>
      <c r="N230" s="56"/>
      <c r="O230" s="56"/>
      <c r="P230" s="56"/>
      <c r="Q230" s="15"/>
      <c r="R230" s="15"/>
      <c r="S230" s="15"/>
      <c r="T230" s="56"/>
      <c r="U230" s="56"/>
      <c r="V230" s="56"/>
      <c r="W230" s="56"/>
      <c r="X230" s="56"/>
      <c r="Y230" s="56"/>
      <c r="Z230" s="56"/>
      <c r="AA230" s="56"/>
      <c r="AB230" s="56"/>
      <c r="AC230" s="56"/>
      <c r="AD230" s="56"/>
      <c r="AE230" s="56"/>
      <c r="AF230" s="56"/>
      <c r="AG230" s="56"/>
      <c r="AH230" s="56"/>
      <c r="AI230" s="56"/>
      <c r="AJ230" s="56"/>
      <c r="AK230" s="56"/>
      <c r="AL230" s="56"/>
      <c r="AM230" s="56"/>
      <c r="AN230" s="56"/>
      <c r="AO230" s="56"/>
      <c r="AP230" s="56"/>
      <c r="AQ230" s="56"/>
      <c r="AR230" s="56"/>
      <c r="AS230" s="56"/>
      <c r="AT230" s="56"/>
      <c r="AU230" s="56"/>
      <c r="AV230" s="56"/>
      <c r="AW230" s="56"/>
      <c r="AX230" s="56"/>
      <c r="AY230" s="56"/>
      <c r="AZ230" s="56"/>
      <c r="BA230" s="56"/>
    </row>
    <row r="231" spans="1:53" ht="15.75" customHeight="1">
      <c r="A231" s="56"/>
      <c r="B231" s="56"/>
      <c r="C231" s="56"/>
      <c r="D231" s="56"/>
      <c r="E231" s="56"/>
      <c r="F231" s="56"/>
      <c r="G231" s="56"/>
      <c r="H231" s="56"/>
      <c r="I231" s="56"/>
      <c r="J231" s="56"/>
      <c r="K231" s="56"/>
      <c r="L231" s="56"/>
      <c r="M231" s="56"/>
      <c r="N231" s="56"/>
      <c r="O231" s="56"/>
      <c r="P231" s="56"/>
      <c r="Q231" s="15"/>
      <c r="R231" s="15"/>
      <c r="S231" s="15"/>
      <c r="T231" s="56"/>
      <c r="U231" s="56"/>
      <c r="V231" s="56"/>
      <c r="W231" s="56"/>
      <c r="X231" s="56"/>
      <c r="Y231" s="56"/>
      <c r="Z231" s="56"/>
      <c r="AA231" s="56"/>
      <c r="AB231" s="56"/>
      <c r="AC231" s="56"/>
      <c r="AD231" s="56"/>
      <c r="AE231" s="56"/>
      <c r="AF231" s="56"/>
      <c r="AG231" s="56"/>
      <c r="AH231" s="56"/>
      <c r="AI231" s="56"/>
      <c r="AJ231" s="56"/>
      <c r="AK231" s="56"/>
      <c r="AL231" s="56"/>
      <c r="AM231" s="56"/>
      <c r="AN231" s="56"/>
      <c r="AO231" s="56"/>
      <c r="AP231" s="56"/>
      <c r="AQ231" s="56"/>
      <c r="AR231" s="56"/>
      <c r="AS231" s="56"/>
      <c r="AT231" s="56"/>
      <c r="AU231" s="56"/>
      <c r="AV231" s="56"/>
      <c r="AW231" s="56"/>
      <c r="AX231" s="56"/>
      <c r="AY231" s="56"/>
      <c r="AZ231" s="56"/>
      <c r="BA231" s="56"/>
    </row>
    <row r="232" spans="1:53" ht="15.75" customHeight="1">
      <c r="A232" s="56"/>
      <c r="B232" s="56"/>
      <c r="C232" s="56"/>
      <c r="D232" s="56"/>
      <c r="E232" s="56"/>
      <c r="F232" s="56"/>
      <c r="G232" s="56"/>
      <c r="H232" s="56"/>
      <c r="I232" s="56"/>
      <c r="J232" s="56"/>
      <c r="K232" s="56"/>
      <c r="L232" s="56"/>
      <c r="M232" s="56"/>
      <c r="N232" s="56"/>
      <c r="O232" s="56"/>
      <c r="P232" s="56"/>
      <c r="Q232" s="15"/>
      <c r="R232" s="15"/>
      <c r="S232" s="15"/>
      <c r="T232" s="56"/>
      <c r="U232" s="56"/>
      <c r="V232" s="56"/>
      <c r="W232" s="56"/>
      <c r="X232" s="56"/>
      <c r="Y232" s="56"/>
      <c r="Z232" s="56"/>
      <c r="AA232" s="56"/>
      <c r="AB232" s="56"/>
      <c r="AC232" s="56"/>
      <c r="AD232" s="56"/>
      <c r="AE232" s="56"/>
      <c r="AF232" s="56"/>
      <c r="AG232" s="56"/>
      <c r="AH232" s="56"/>
      <c r="AI232" s="56"/>
      <c r="AJ232" s="56"/>
      <c r="AK232" s="56"/>
      <c r="AL232" s="56"/>
      <c r="AM232" s="56"/>
      <c r="AN232" s="56"/>
      <c r="AO232" s="56"/>
      <c r="AP232" s="56"/>
      <c r="AQ232" s="56"/>
      <c r="AR232" s="56"/>
      <c r="AS232" s="56"/>
      <c r="AT232" s="56"/>
      <c r="AU232" s="56"/>
      <c r="AV232" s="56"/>
      <c r="AW232" s="56"/>
      <c r="AX232" s="56"/>
      <c r="AY232" s="56"/>
      <c r="AZ232" s="56"/>
      <c r="BA232" s="56"/>
    </row>
    <row r="233" spans="1:53" ht="15.75" customHeight="1">
      <c r="A233" s="56"/>
      <c r="B233" s="56"/>
      <c r="C233" s="56"/>
      <c r="D233" s="56"/>
      <c r="E233" s="56"/>
      <c r="F233" s="56"/>
      <c r="G233" s="56"/>
      <c r="H233" s="56"/>
      <c r="I233" s="56"/>
      <c r="J233" s="56"/>
      <c r="K233" s="56"/>
      <c r="L233" s="56"/>
      <c r="M233" s="56"/>
      <c r="N233" s="56"/>
      <c r="O233" s="56"/>
      <c r="P233" s="56"/>
      <c r="Q233" s="15"/>
      <c r="R233" s="15"/>
      <c r="S233" s="15"/>
      <c r="T233" s="56"/>
      <c r="U233" s="56"/>
      <c r="V233" s="56"/>
      <c r="W233" s="56"/>
      <c r="X233" s="56"/>
      <c r="Y233" s="56"/>
      <c r="Z233" s="56"/>
      <c r="AA233" s="56"/>
      <c r="AB233" s="56"/>
      <c r="AC233" s="56"/>
      <c r="AD233" s="56"/>
      <c r="AE233" s="56"/>
      <c r="AF233" s="56"/>
      <c r="AG233" s="56"/>
      <c r="AH233" s="56"/>
      <c r="AI233" s="56"/>
      <c r="AJ233" s="56"/>
      <c r="AK233" s="56"/>
      <c r="AL233" s="56"/>
      <c r="AM233" s="56"/>
      <c r="AN233" s="56"/>
      <c r="AO233" s="56"/>
      <c r="AP233" s="56"/>
      <c r="AQ233" s="56"/>
      <c r="AR233" s="56"/>
      <c r="AS233" s="56"/>
      <c r="AT233" s="56"/>
      <c r="AU233" s="56"/>
      <c r="AV233" s="56"/>
      <c r="AW233" s="56"/>
      <c r="AX233" s="56"/>
      <c r="AY233" s="56"/>
      <c r="AZ233" s="56"/>
      <c r="BA233" s="56"/>
    </row>
    <row r="234" spans="1:53" ht="15.75" customHeight="1">
      <c r="A234" s="56"/>
      <c r="B234" s="56"/>
      <c r="C234" s="56"/>
      <c r="D234" s="56"/>
      <c r="E234" s="56"/>
      <c r="F234" s="56"/>
      <c r="G234" s="56"/>
      <c r="H234" s="56"/>
      <c r="I234" s="56"/>
      <c r="J234" s="56"/>
      <c r="K234" s="56"/>
      <c r="L234" s="56"/>
      <c r="M234" s="56"/>
      <c r="N234" s="56"/>
      <c r="O234" s="56"/>
      <c r="P234" s="56"/>
      <c r="Q234" s="15"/>
      <c r="R234" s="15"/>
      <c r="S234" s="15"/>
      <c r="T234" s="56"/>
      <c r="U234" s="56"/>
      <c r="V234" s="56"/>
      <c r="W234" s="56"/>
      <c r="X234" s="56"/>
      <c r="Y234" s="56"/>
      <c r="Z234" s="56"/>
      <c r="AA234" s="56"/>
      <c r="AB234" s="56"/>
      <c r="AC234" s="56"/>
      <c r="AD234" s="56"/>
      <c r="AE234" s="56"/>
      <c r="AF234" s="56"/>
      <c r="AG234" s="56"/>
      <c r="AH234" s="56"/>
      <c r="AI234" s="56"/>
      <c r="AJ234" s="56"/>
      <c r="AK234" s="56"/>
      <c r="AL234" s="56"/>
      <c r="AM234" s="56"/>
      <c r="AN234" s="56"/>
      <c r="AO234" s="56"/>
      <c r="AP234" s="56"/>
      <c r="AQ234" s="56"/>
      <c r="AR234" s="56"/>
      <c r="AS234" s="56"/>
      <c r="AT234" s="56"/>
      <c r="AU234" s="56"/>
      <c r="AV234" s="56"/>
      <c r="AW234" s="56"/>
      <c r="AX234" s="56"/>
      <c r="AY234" s="56"/>
      <c r="AZ234" s="56"/>
      <c r="BA234" s="56"/>
    </row>
    <row r="235" spans="1:53" ht="15.75" customHeight="1">
      <c r="A235" s="56"/>
      <c r="B235" s="56"/>
      <c r="C235" s="56"/>
      <c r="D235" s="56"/>
      <c r="E235" s="56"/>
      <c r="F235" s="56"/>
      <c r="G235" s="56"/>
      <c r="H235" s="56"/>
      <c r="I235" s="56"/>
      <c r="J235" s="56"/>
      <c r="K235" s="56"/>
      <c r="L235" s="56"/>
      <c r="M235" s="56"/>
      <c r="N235" s="56"/>
      <c r="O235" s="56"/>
      <c r="P235" s="56"/>
      <c r="Q235" s="15"/>
      <c r="R235" s="15"/>
      <c r="S235" s="15"/>
      <c r="T235" s="56"/>
      <c r="U235" s="56"/>
      <c r="V235" s="56"/>
      <c r="W235" s="56"/>
      <c r="X235" s="56"/>
      <c r="Y235" s="56"/>
      <c r="Z235" s="56"/>
      <c r="AA235" s="56"/>
      <c r="AB235" s="56"/>
      <c r="AC235" s="56"/>
      <c r="AD235" s="56"/>
      <c r="AE235" s="56"/>
      <c r="AF235" s="56"/>
      <c r="AG235" s="56"/>
      <c r="AH235" s="56"/>
      <c r="AI235" s="56"/>
      <c r="AJ235" s="56"/>
      <c r="AK235" s="56"/>
      <c r="AL235" s="56"/>
      <c r="AM235" s="56"/>
      <c r="AN235" s="56"/>
      <c r="AO235" s="56"/>
      <c r="AP235" s="56"/>
      <c r="AQ235" s="56"/>
      <c r="AR235" s="56"/>
      <c r="AS235" s="56"/>
      <c r="AT235" s="56"/>
      <c r="AU235" s="56"/>
      <c r="AV235" s="56"/>
      <c r="AW235" s="56"/>
      <c r="AX235" s="56"/>
      <c r="AY235" s="56"/>
      <c r="AZ235" s="56"/>
      <c r="BA235" s="56"/>
    </row>
    <row r="236" spans="1:53" ht="15.75" customHeight="1">
      <c r="A236" s="56"/>
      <c r="B236" s="56"/>
      <c r="C236" s="56"/>
      <c r="D236" s="56"/>
      <c r="E236" s="56"/>
      <c r="F236" s="56"/>
      <c r="G236" s="56"/>
      <c r="H236" s="56"/>
      <c r="I236" s="56"/>
      <c r="J236" s="56"/>
      <c r="K236" s="56"/>
      <c r="L236" s="56"/>
      <c r="M236" s="56"/>
      <c r="N236" s="56"/>
      <c r="O236" s="56"/>
      <c r="P236" s="56"/>
      <c r="Q236" s="15"/>
      <c r="R236" s="15"/>
      <c r="S236" s="15"/>
      <c r="T236" s="56"/>
      <c r="U236" s="56"/>
      <c r="V236" s="56"/>
      <c r="W236" s="56"/>
      <c r="X236" s="56"/>
      <c r="Y236" s="56"/>
      <c r="Z236" s="56"/>
      <c r="AA236" s="56"/>
      <c r="AB236" s="56"/>
      <c r="AC236" s="56"/>
      <c r="AD236" s="56"/>
      <c r="AE236" s="56"/>
      <c r="AF236" s="56"/>
      <c r="AG236" s="56"/>
      <c r="AH236" s="56"/>
      <c r="AI236" s="56"/>
      <c r="AJ236" s="56"/>
      <c r="AK236" s="56"/>
      <c r="AL236" s="56"/>
      <c r="AM236" s="56"/>
      <c r="AN236" s="56"/>
      <c r="AO236" s="56"/>
      <c r="AP236" s="56"/>
      <c r="AQ236" s="56"/>
      <c r="AR236" s="56"/>
      <c r="AS236" s="56"/>
      <c r="AT236" s="56"/>
      <c r="AU236" s="56"/>
      <c r="AV236" s="56"/>
      <c r="AW236" s="56"/>
      <c r="AX236" s="56"/>
      <c r="AY236" s="56"/>
      <c r="AZ236" s="56"/>
      <c r="BA236" s="56"/>
    </row>
    <row r="237" spans="1:53" ht="15.75" customHeight="1">
      <c r="A237" s="56"/>
      <c r="B237" s="56"/>
      <c r="C237" s="56"/>
      <c r="D237" s="56"/>
      <c r="E237" s="56"/>
      <c r="F237" s="56"/>
      <c r="G237" s="56"/>
      <c r="H237" s="56"/>
      <c r="I237" s="56"/>
      <c r="J237" s="56"/>
      <c r="K237" s="56"/>
      <c r="L237" s="56"/>
      <c r="M237" s="56"/>
      <c r="N237" s="56"/>
      <c r="O237" s="56"/>
      <c r="P237" s="56"/>
      <c r="Q237" s="15"/>
      <c r="R237" s="15"/>
      <c r="S237" s="15"/>
      <c r="T237" s="56"/>
      <c r="U237" s="56"/>
      <c r="V237" s="56"/>
      <c r="W237" s="56"/>
      <c r="X237" s="56"/>
      <c r="Y237" s="56"/>
      <c r="Z237" s="56"/>
      <c r="AA237" s="56"/>
      <c r="AB237" s="56"/>
      <c r="AC237" s="56"/>
      <c r="AD237" s="56"/>
      <c r="AE237" s="56"/>
      <c r="AF237" s="56"/>
      <c r="AG237" s="56"/>
      <c r="AH237" s="56"/>
      <c r="AI237" s="56"/>
      <c r="AJ237" s="56"/>
      <c r="AK237" s="56"/>
      <c r="AL237" s="56"/>
      <c r="AM237" s="56"/>
      <c r="AN237" s="56"/>
      <c r="AO237" s="56"/>
      <c r="AP237" s="56"/>
      <c r="AQ237" s="56"/>
      <c r="AR237" s="56"/>
      <c r="AS237" s="56"/>
      <c r="AT237" s="56"/>
      <c r="AU237" s="56"/>
      <c r="AV237" s="56"/>
      <c r="AW237" s="56"/>
      <c r="AX237" s="56"/>
      <c r="AY237" s="56"/>
      <c r="AZ237" s="56"/>
      <c r="BA237" s="56"/>
    </row>
    <row r="238" spans="1:53" ht="15.75" customHeight="1">
      <c r="A238" s="56"/>
      <c r="B238" s="56"/>
      <c r="C238" s="56"/>
      <c r="D238" s="56"/>
      <c r="E238" s="56"/>
      <c r="F238" s="56"/>
      <c r="G238" s="56"/>
      <c r="H238" s="56"/>
      <c r="I238" s="56"/>
      <c r="J238" s="56"/>
      <c r="K238" s="56"/>
      <c r="L238" s="56"/>
      <c r="M238" s="56"/>
      <c r="N238" s="56"/>
      <c r="O238" s="56"/>
      <c r="P238" s="56"/>
      <c r="Q238" s="15"/>
      <c r="R238" s="15"/>
      <c r="S238" s="15"/>
      <c r="T238" s="56"/>
      <c r="U238" s="56"/>
      <c r="V238" s="56"/>
      <c r="W238" s="56"/>
      <c r="X238" s="56"/>
      <c r="Y238" s="56"/>
      <c r="Z238" s="56"/>
      <c r="AA238" s="56"/>
      <c r="AB238" s="56"/>
      <c r="AC238" s="56"/>
      <c r="AD238" s="56"/>
      <c r="AE238" s="56"/>
      <c r="AF238" s="56"/>
      <c r="AG238" s="56"/>
      <c r="AH238" s="56"/>
      <c r="AI238" s="56"/>
      <c r="AJ238" s="56"/>
      <c r="AK238" s="56"/>
      <c r="AL238" s="56"/>
      <c r="AM238" s="56"/>
      <c r="AN238" s="56"/>
      <c r="AO238" s="56"/>
      <c r="AP238" s="56"/>
      <c r="AQ238" s="56"/>
      <c r="AR238" s="56"/>
      <c r="AS238" s="56"/>
      <c r="AT238" s="56"/>
      <c r="AU238" s="56"/>
      <c r="AV238" s="56"/>
      <c r="AW238" s="56"/>
      <c r="AX238" s="56"/>
      <c r="AY238" s="56"/>
      <c r="AZ238" s="56"/>
      <c r="BA238" s="56"/>
    </row>
    <row r="239" spans="1:53" ht="15.75" customHeight="1">
      <c r="A239" s="56"/>
      <c r="B239" s="56"/>
      <c r="C239" s="56"/>
      <c r="D239" s="56"/>
      <c r="E239" s="56"/>
      <c r="F239" s="56"/>
      <c r="G239" s="56"/>
      <c r="H239" s="56"/>
      <c r="I239" s="56"/>
      <c r="J239" s="56"/>
      <c r="K239" s="56"/>
      <c r="L239" s="56"/>
      <c r="M239" s="56"/>
      <c r="N239" s="56"/>
      <c r="O239" s="56"/>
      <c r="P239" s="56"/>
      <c r="Q239" s="15"/>
      <c r="R239" s="15"/>
      <c r="S239" s="15"/>
      <c r="T239" s="56"/>
      <c r="U239" s="56"/>
      <c r="V239" s="56"/>
      <c r="W239" s="56"/>
      <c r="X239" s="56"/>
      <c r="Y239" s="56"/>
      <c r="Z239" s="56"/>
      <c r="AA239" s="56"/>
      <c r="AB239" s="56"/>
      <c r="AC239" s="56"/>
      <c r="AD239" s="56"/>
      <c r="AE239" s="56"/>
      <c r="AF239" s="56"/>
      <c r="AG239" s="56"/>
      <c r="AH239" s="56"/>
      <c r="AI239" s="56"/>
      <c r="AJ239" s="56"/>
      <c r="AK239" s="56"/>
      <c r="AL239" s="56"/>
      <c r="AM239" s="56"/>
      <c r="AN239" s="56"/>
      <c r="AO239" s="56"/>
      <c r="AP239" s="56"/>
      <c r="AQ239" s="56"/>
      <c r="AR239" s="56"/>
      <c r="AS239" s="56"/>
      <c r="AT239" s="56"/>
      <c r="AU239" s="56"/>
      <c r="AV239" s="56"/>
      <c r="AW239" s="56"/>
      <c r="AX239" s="56"/>
      <c r="AY239" s="56"/>
      <c r="AZ239" s="56"/>
      <c r="BA239" s="56"/>
    </row>
    <row r="240" spans="1:53" ht="15.75" customHeight="1">
      <c r="A240" s="56"/>
      <c r="B240" s="56"/>
      <c r="C240" s="56"/>
      <c r="D240" s="56"/>
      <c r="E240" s="56"/>
      <c r="F240" s="56"/>
      <c r="G240" s="56"/>
      <c r="H240" s="56"/>
      <c r="I240" s="56"/>
      <c r="J240" s="56"/>
      <c r="K240" s="56"/>
      <c r="L240" s="56"/>
      <c r="M240" s="56"/>
      <c r="N240" s="56"/>
      <c r="O240" s="56"/>
      <c r="P240" s="56"/>
      <c r="Q240" s="15"/>
      <c r="R240" s="15"/>
      <c r="S240" s="15"/>
      <c r="T240" s="56"/>
      <c r="U240" s="56"/>
      <c r="V240" s="56"/>
      <c r="W240" s="56"/>
      <c r="X240" s="56"/>
      <c r="Y240" s="56"/>
      <c r="Z240" s="56"/>
      <c r="AA240" s="56"/>
      <c r="AB240" s="56"/>
      <c r="AC240" s="56"/>
      <c r="AD240" s="56"/>
      <c r="AE240" s="56"/>
      <c r="AF240" s="56"/>
      <c r="AG240" s="56"/>
      <c r="AH240" s="56"/>
      <c r="AI240" s="56"/>
      <c r="AJ240" s="56"/>
      <c r="AK240" s="56"/>
      <c r="AL240" s="56"/>
      <c r="AM240" s="56"/>
      <c r="AN240" s="56"/>
      <c r="AO240" s="56"/>
      <c r="AP240" s="56"/>
      <c r="AQ240" s="56"/>
      <c r="AR240" s="56"/>
      <c r="AS240" s="56"/>
      <c r="AT240" s="56"/>
      <c r="AU240" s="56"/>
      <c r="AV240" s="56"/>
      <c r="AW240" s="56"/>
      <c r="AX240" s="56"/>
      <c r="AY240" s="56"/>
      <c r="AZ240" s="56"/>
      <c r="BA240" s="56"/>
    </row>
    <row r="241" spans="1:53" ht="15.75" customHeight="1">
      <c r="A241" s="56"/>
      <c r="B241" s="56"/>
      <c r="C241" s="56"/>
      <c r="D241" s="56"/>
      <c r="E241" s="56"/>
      <c r="F241" s="56"/>
      <c r="G241" s="56"/>
      <c r="H241" s="56"/>
      <c r="I241" s="56"/>
      <c r="J241" s="56"/>
      <c r="K241" s="56"/>
      <c r="L241" s="56"/>
      <c r="M241" s="56"/>
      <c r="N241" s="56"/>
      <c r="O241" s="56"/>
      <c r="P241" s="56"/>
      <c r="Q241" s="15"/>
      <c r="R241" s="15"/>
      <c r="S241" s="15"/>
      <c r="T241" s="56"/>
      <c r="U241" s="56"/>
      <c r="V241" s="56"/>
      <c r="W241" s="56"/>
      <c r="X241" s="56"/>
      <c r="Y241" s="56"/>
      <c r="Z241" s="56"/>
      <c r="AA241" s="56"/>
      <c r="AB241" s="56"/>
      <c r="AC241" s="56"/>
      <c r="AD241" s="56"/>
      <c r="AE241" s="56"/>
      <c r="AF241" s="56"/>
      <c r="AG241" s="56"/>
      <c r="AH241" s="56"/>
      <c r="AI241" s="56"/>
      <c r="AJ241" s="56"/>
      <c r="AK241" s="56"/>
      <c r="AL241" s="56"/>
      <c r="AM241" s="56"/>
      <c r="AN241" s="56"/>
      <c r="AO241" s="56"/>
      <c r="AP241" s="56"/>
      <c r="AQ241" s="56"/>
      <c r="AR241" s="56"/>
      <c r="AS241" s="56"/>
      <c r="AT241" s="56"/>
      <c r="AU241" s="56"/>
      <c r="AV241" s="56"/>
      <c r="AW241" s="56"/>
      <c r="AX241" s="56"/>
      <c r="AY241" s="56"/>
      <c r="AZ241" s="56"/>
      <c r="BA241" s="56"/>
    </row>
    <row r="242" spans="1:53" ht="15.75" customHeight="1">
      <c r="A242" s="56"/>
      <c r="B242" s="56"/>
      <c r="C242" s="56"/>
      <c r="D242" s="56"/>
      <c r="E242" s="56"/>
      <c r="F242" s="56"/>
      <c r="G242" s="56"/>
      <c r="H242" s="56"/>
      <c r="I242" s="56"/>
      <c r="J242" s="56"/>
      <c r="K242" s="56"/>
      <c r="L242" s="56"/>
      <c r="M242" s="56"/>
      <c r="N242" s="56"/>
      <c r="O242" s="56"/>
      <c r="P242" s="56"/>
      <c r="Q242" s="15"/>
      <c r="R242" s="15"/>
      <c r="S242" s="15"/>
      <c r="T242" s="56"/>
      <c r="U242" s="56"/>
      <c r="V242" s="56"/>
      <c r="W242" s="56"/>
      <c r="X242" s="56"/>
      <c r="Y242" s="56"/>
      <c r="Z242" s="56"/>
      <c r="AA242" s="56"/>
      <c r="AB242" s="56"/>
      <c r="AC242" s="56"/>
      <c r="AD242" s="56"/>
      <c r="AE242" s="56"/>
      <c r="AF242" s="56"/>
      <c r="AG242" s="56"/>
      <c r="AH242" s="56"/>
      <c r="AI242" s="56"/>
      <c r="AJ242" s="56"/>
      <c r="AK242" s="56"/>
      <c r="AL242" s="56"/>
      <c r="AM242" s="56"/>
      <c r="AN242" s="56"/>
      <c r="AO242" s="56"/>
      <c r="AP242" s="56"/>
      <c r="AQ242" s="56"/>
      <c r="AR242" s="56"/>
      <c r="AS242" s="56"/>
      <c r="AT242" s="56"/>
      <c r="AU242" s="56"/>
      <c r="AV242" s="56"/>
      <c r="AW242" s="56"/>
      <c r="AX242" s="56"/>
      <c r="AY242" s="56"/>
      <c r="AZ242" s="56"/>
      <c r="BA242" s="56"/>
    </row>
    <row r="243" spans="1:53" ht="15.75" customHeight="1">
      <c r="A243" s="56"/>
      <c r="B243" s="56"/>
      <c r="C243" s="56"/>
      <c r="D243" s="56"/>
      <c r="E243" s="56"/>
      <c r="F243" s="56"/>
      <c r="G243" s="56"/>
      <c r="H243" s="56"/>
      <c r="I243" s="56"/>
      <c r="J243" s="56"/>
      <c r="K243" s="56"/>
      <c r="L243" s="56"/>
      <c r="M243" s="56"/>
      <c r="N243" s="56"/>
      <c r="O243" s="56"/>
      <c r="P243" s="56"/>
      <c r="Q243" s="15"/>
      <c r="R243" s="15"/>
      <c r="S243" s="15"/>
      <c r="T243" s="56"/>
      <c r="U243" s="56"/>
      <c r="V243" s="56"/>
      <c r="W243" s="56"/>
      <c r="X243" s="56"/>
      <c r="Y243" s="56"/>
      <c r="Z243" s="56"/>
      <c r="AA243" s="56"/>
      <c r="AB243" s="56"/>
      <c r="AC243" s="56"/>
      <c r="AD243" s="56"/>
      <c r="AE243" s="56"/>
      <c r="AF243" s="56"/>
      <c r="AG243" s="56"/>
      <c r="AH243" s="56"/>
      <c r="AI243" s="56"/>
      <c r="AJ243" s="56"/>
      <c r="AK243" s="56"/>
      <c r="AL243" s="56"/>
      <c r="AM243" s="56"/>
      <c r="AN243" s="56"/>
      <c r="AO243" s="56"/>
      <c r="AP243" s="56"/>
      <c r="AQ243" s="56"/>
      <c r="AR243" s="56"/>
      <c r="AS243" s="56"/>
      <c r="AT243" s="56"/>
      <c r="AU243" s="56"/>
      <c r="AV243" s="56"/>
      <c r="AW243" s="56"/>
      <c r="AX243" s="56"/>
      <c r="AY243" s="56"/>
      <c r="AZ243" s="56"/>
      <c r="BA243" s="56"/>
    </row>
    <row r="244" spans="1:53" ht="15.75" customHeight="1">
      <c r="A244" s="56"/>
      <c r="B244" s="56"/>
      <c r="C244" s="56"/>
      <c r="D244" s="56"/>
      <c r="E244" s="56"/>
      <c r="F244" s="56"/>
      <c r="G244" s="56"/>
      <c r="H244" s="56"/>
      <c r="I244" s="56"/>
      <c r="J244" s="56"/>
      <c r="K244" s="56"/>
      <c r="L244" s="56"/>
      <c r="M244" s="56"/>
      <c r="N244" s="56"/>
      <c r="O244" s="56"/>
      <c r="P244" s="56"/>
      <c r="Q244" s="15"/>
      <c r="R244" s="15"/>
      <c r="S244" s="15"/>
      <c r="T244" s="56"/>
      <c r="U244" s="56"/>
      <c r="V244" s="56"/>
      <c r="W244" s="56"/>
      <c r="X244" s="56"/>
      <c r="Y244" s="56"/>
      <c r="Z244" s="56"/>
      <c r="AA244" s="56"/>
      <c r="AB244" s="56"/>
      <c r="AC244" s="56"/>
      <c r="AD244" s="56"/>
      <c r="AE244" s="56"/>
      <c r="AF244" s="56"/>
      <c r="AG244" s="56"/>
      <c r="AH244" s="56"/>
      <c r="AI244" s="56"/>
      <c r="AJ244" s="56"/>
      <c r="AK244" s="56"/>
      <c r="AL244" s="56"/>
      <c r="AM244" s="56"/>
      <c r="AN244" s="56"/>
      <c r="AO244" s="56"/>
      <c r="AP244" s="56"/>
      <c r="AQ244" s="56"/>
      <c r="AR244" s="56"/>
      <c r="AS244" s="56"/>
      <c r="AT244" s="56"/>
      <c r="AU244" s="56"/>
      <c r="AV244" s="56"/>
      <c r="AW244" s="56"/>
      <c r="AX244" s="56"/>
      <c r="AY244" s="56"/>
      <c r="AZ244" s="56"/>
      <c r="BA244" s="56"/>
    </row>
    <row r="245" spans="1:53" ht="15.75" customHeight="1">
      <c r="A245" s="56"/>
      <c r="B245" s="56"/>
      <c r="C245" s="56"/>
      <c r="D245" s="56"/>
      <c r="E245" s="56"/>
      <c r="F245" s="56"/>
      <c r="G245" s="56"/>
      <c r="H245" s="56"/>
      <c r="I245" s="56"/>
      <c r="J245" s="56"/>
      <c r="K245" s="56"/>
      <c r="L245" s="56"/>
      <c r="M245" s="56"/>
      <c r="N245" s="56"/>
      <c r="O245" s="56"/>
      <c r="P245" s="56"/>
      <c r="Q245" s="15"/>
      <c r="R245" s="15"/>
      <c r="S245" s="15"/>
      <c r="T245" s="56"/>
      <c r="U245" s="56"/>
      <c r="V245" s="56"/>
      <c r="W245" s="56"/>
      <c r="X245" s="56"/>
      <c r="Y245" s="56"/>
      <c r="Z245" s="56"/>
      <c r="AA245" s="56"/>
      <c r="AB245" s="56"/>
      <c r="AC245" s="56"/>
      <c r="AD245" s="56"/>
      <c r="AE245" s="56"/>
      <c r="AF245" s="56"/>
      <c r="AG245" s="56"/>
      <c r="AH245" s="56"/>
      <c r="AI245" s="56"/>
      <c r="AJ245" s="56"/>
      <c r="AK245" s="56"/>
      <c r="AL245" s="56"/>
      <c r="AM245" s="56"/>
      <c r="AN245" s="56"/>
      <c r="AO245" s="56"/>
      <c r="AP245" s="56"/>
      <c r="AQ245" s="56"/>
      <c r="AR245" s="56"/>
      <c r="AS245" s="56"/>
      <c r="AT245" s="56"/>
      <c r="AU245" s="56"/>
      <c r="AV245" s="56"/>
      <c r="AW245" s="56"/>
      <c r="AX245" s="56"/>
      <c r="AY245" s="56"/>
      <c r="AZ245" s="56"/>
      <c r="BA245" s="56"/>
    </row>
    <row r="246" spans="1:53" ht="15.75" customHeight="1">
      <c r="A246" s="56"/>
      <c r="B246" s="56"/>
      <c r="C246" s="56"/>
      <c r="D246" s="56"/>
      <c r="E246" s="56"/>
      <c r="F246" s="56"/>
      <c r="G246" s="56"/>
      <c r="H246" s="56"/>
      <c r="I246" s="56"/>
      <c r="J246" s="56"/>
      <c r="K246" s="56"/>
      <c r="L246" s="56"/>
      <c r="M246" s="56"/>
      <c r="N246" s="56"/>
      <c r="O246" s="56"/>
      <c r="P246" s="56"/>
      <c r="Q246" s="15"/>
      <c r="R246" s="15"/>
      <c r="S246" s="15"/>
      <c r="T246" s="56"/>
      <c r="U246" s="56"/>
      <c r="V246" s="56"/>
      <c r="W246" s="56"/>
      <c r="X246" s="56"/>
      <c r="Y246" s="56"/>
      <c r="Z246" s="56"/>
      <c r="AA246" s="56"/>
      <c r="AB246" s="56"/>
      <c r="AC246" s="56"/>
      <c r="AD246" s="56"/>
      <c r="AE246" s="56"/>
      <c r="AF246" s="56"/>
      <c r="AG246" s="56"/>
      <c r="AH246" s="56"/>
      <c r="AI246" s="56"/>
      <c r="AJ246" s="56"/>
      <c r="AK246" s="56"/>
      <c r="AL246" s="56"/>
      <c r="AM246" s="56"/>
      <c r="AN246" s="56"/>
      <c r="AO246" s="56"/>
      <c r="AP246" s="56"/>
      <c r="AQ246" s="56"/>
      <c r="AR246" s="56"/>
      <c r="AS246" s="56"/>
      <c r="AT246" s="56"/>
      <c r="AU246" s="56"/>
      <c r="AV246" s="56"/>
      <c r="AW246" s="56"/>
      <c r="AX246" s="56"/>
      <c r="AY246" s="56"/>
      <c r="AZ246" s="56"/>
      <c r="BA246" s="56"/>
    </row>
    <row r="247" spans="1:53" ht="15.75" customHeight="1">
      <c r="A247" s="56"/>
      <c r="B247" s="56"/>
      <c r="C247" s="56"/>
      <c r="D247" s="56"/>
      <c r="E247" s="56"/>
      <c r="F247" s="56"/>
      <c r="G247" s="56"/>
      <c r="H247" s="56"/>
      <c r="I247" s="56"/>
      <c r="J247" s="56"/>
      <c r="K247" s="56"/>
      <c r="L247" s="56"/>
      <c r="M247" s="56"/>
      <c r="N247" s="56"/>
      <c r="O247" s="56"/>
      <c r="P247" s="56"/>
      <c r="Q247" s="15"/>
      <c r="R247" s="15"/>
      <c r="S247" s="15"/>
      <c r="T247" s="56"/>
      <c r="U247" s="56"/>
      <c r="V247" s="56"/>
      <c r="W247" s="56"/>
      <c r="X247" s="56"/>
      <c r="Y247" s="56"/>
      <c r="Z247" s="56"/>
      <c r="AA247" s="56"/>
      <c r="AB247" s="56"/>
      <c r="AC247" s="56"/>
      <c r="AD247" s="56"/>
      <c r="AE247" s="56"/>
      <c r="AF247" s="56"/>
      <c r="AG247" s="56"/>
      <c r="AH247" s="56"/>
      <c r="AI247" s="56"/>
      <c r="AJ247" s="56"/>
      <c r="AK247" s="56"/>
      <c r="AL247" s="56"/>
      <c r="AM247" s="56"/>
      <c r="AN247" s="56"/>
      <c r="AO247" s="56"/>
      <c r="AP247" s="56"/>
      <c r="AQ247" s="56"/>
      <c r="AR247" s="56"/>
      <c r="AS247" s="56"/>
      <c r="AT247" s="56"/>
      <c r="AU247" s="56"/>
      <c r="AV247" s="56"/>
      <c r="AW247" s="56"/>
      <c r="AX247" s="56"/>
      <c r="AY247" s="56"/>
      <c r="AZ247" s="56"/>
      <c r="BA247" s="56"/>
    </row>
    <row r="248" spans="1:53" ht="15.75" customHeight="1">
      <c r="A248" s="56"/>
      <c r="B248" s="56"/>
      <c r="C248" s="56"/>
      <c r="D248" s="56"/>
      <c r="E248" s="56"/>
      <c r="F248" s="56"/>
      <c r="G248" s="56"/>
      <c r="H248" s="56"/>
      <c r="I248" s="56"/>
      <c r="J248" s="56"/>
      <c r="K248" s="56"/>
      <c r="L248" s="56"/>
      <c r="M248" s="56"/>
      <c r="N248" s="56"/>
      <c r="O248" s="56"/>
      <c r="P248" s="56"/>
      <c r="Q248" s="15"/>
      <c r="R248" s="15"/>
      <c r="S248" s="15"/>
      <c r="T248" s="56"/>
      <c r="U248" s="56"/>
      <c r="V248" s="56"/>
      <c r="W248" s="56"/>
      <c r="X248" s="56"/>
      <c r="Y248" s="56"/>
      <c r="Z248" s="56"/>
      <c r="AA248" s="56"/>
      <c r="AB248" s="56"/>
      <c r="AC248" s="56"/>
      <c r="AD248" s="56"/>
      <c r="AE248" s="56"/>
      <c r="AF248" s="56"/>
      <c r="AG248" s="56"/>
      <c r="AH248" s="56"/>
      <c r="AI248" s="56"/>
      <c r="AJ248" s="56"/>
      <c r="AK248" s="56"/>
      <c r="AL248" s="56"/>
      <c r="AM248" s="56"/>
      <c r="AN248" s="56"/>
      <c r="AO248" s="56"/>
      <c r="AP248" s="56"/>
      <c r="AQ248" s="56"/>
      <c r="AR248" s="56"/>
      <c r="AS248" s="56"/>
      <c r="AT248" s="56"/>
      <c r="AU248" s="56"/>
      <c r="AV248" s="56"/>
      <c r="AW248" s="56"/>
      <c r="AX248" s="56"/>
      <c r="AY248" s="56"/>
      <c r="AZ248" s="56"/>
      <c r="BA248" s="56"/>
    </row>
    <row r="249" spans="1:53" ht="15.75" customHeight="1">
      <c r="A249" s="56"/>
      <c r="B249" s="56"/>
      <c r="C249" s="56"/>
      <c r="D249" s="56"/>
      <c r="E249" s="56"/>
      <c r="F249" s="56"/>
      <c r="G249" s="56"/>
      <c r="H249" s="56"/>
      <c r="I249" s="56"/>
      <c r="J249" s="56"/>
      <c r="K249" s="56"/>
      <c r="L249" s="56"/>
      <c r="M249" s="56"/>
      <c r="N249" s="56"/>
      <c r="O249" s="56"/>
      <c r="P249" s="56"/>
      <c r="Q249" s="15"/>
      <c r="R249" s="15"/>
      <c r="S249" s="15"/>
      <c r="T249" s="56"/>
      <c r="U249" s="56"/>
      <c r="V249" s="56"/>
      <c r="W249" s="56"/>
      <c r="X249" s="56"/>
      <c r="Y249" s="56"/>
      <c r="Z249" s="56"/>
      <c r="AA249" s="56"/>
      <c r="AB249" s="56"/>
      <c r="AC249" s="56"/>
      <c r="AD249" s="56"/>
      <c r="AE249" s="56"/>
      <c r="AF249" s="56"/>
      <c r="AG249" s="56"/>
      <c r="AH249" s="56"/>
      <c r="AI249" s="56"/>
      <c r="AJ249" s="56"/>
      <c r="AK249" s="56"/>
      <c r="AL249" s="56"/>
      <c r="AM249" s="56"/>
      <c r="AN249" s="56"/>
      <c r="AO249" s="56"/>
      <c r="AP249" s="56"/>
      <c r="AQ249" s="56"/>
      <c r="AR249" s="56"/>
      <c r="AS249" s="56"/>
      <c r="AT249" s="56"/>
      <c r="AU249" s="56"/>
      <c r="AV249" s="56"/>
      <c r="AW249" s="56"/>
      <c r="AX249" s="56"/>
      <c r="AY249" s="56"/>
      <c r="AZ249" s="56"/>
      <c r="BA249" s="56"/>
    </row>
    <row r="250" spans="1:53" ht="15.75" customHeight="1">
      <c r="A250" s="56"/>
      <c r="B250" s="56"/>
      <c r="C250" s="56"/>
      <c r="D250" s="56"/>
      <c r="E250" s="56"/>
      <c r="F250" s="56"/>
      <c r="G250" s="56"/>
      <c r="H250" s="56"/>
      <c r="I250" s="56"/>
      <c r="J250" s="56"/>
      <c r="K250" s="56"/>
      <c r="L250" s="56"/>
      <c r="M250" s="56"/>
      <c r="N250" s="56"/>
      <c r="O250" s="56"/>
      <c r="P250" s="56"/>
      <c r="Q250" s="15"/>
      <c r="R250" s="15"/>
      <c r="S250" s="15"/>
      <c r="T250" s="56"/>
      <c r="U250" s="56"/>
      <c r="V250" s="56"/>
      <c r="W250" s="56"/>
      <c r="X250" s="56"/>
      <c r="Y250" s="56"/>
      <c r="Z250" s="56"/>
      <c r="AA250" s="56"/>
      <c r="AB250" s="56"/>
      <c r="AC250" s="56"/>
      <c r="AD250" s="56"/>
      <c r="AE250" s="56"/>
      <c r="AF250" s="56"/>
      <c r="AG250" s="56"/>
      <c r="AH250" s="56"/>
      <c r="AI250" s="56"/>
      <c r="AJ250" s="56"/>
      <c r="AK250" s="56"/>
      <c r="AL250" s="56"/>
      <c r="AM250" s="56"/>
      <c r="AN250" s="56"/>
      <c r="AO250" s="56"/>
      <c r="AP250" s="56"/>
      <c r="AQ250" s="56"/>
      <c r="AR250" s="56"/>
      <c r="AS250" s="56"/>
      <c r="AT250" s="56"/>
      <c r="AU250" s="56"/>
      <c r="AV250" s="56"/>
      <c r="AW250" s="56"/>
      <c r="AX250" s="56"/>
      <c r="AY250" s="56"/>
      <c r="AZ250" s="56"/>
      <c r="BA250" s="56"/>
    </row>
    <row r="251" spans="1:53" ht="15.75" customHeight="1">
      <c r="A251" s="56"/>
      <c r="B251" s="56"/>
      <c r="C251" s="56"/>
      <c r="D251" s="56"/>
      <c r="E251" s="56"/>
      <c r="F251" s="56"/>
      <c r="G251" s="56"/>
      <c r="H251" s="56"/>
      <c r="I251" s="56"/>
      <c r="J251" s="56"/>
      <c r="K251" s="56"/>
      <c r="L251" s="56"/>
      <c r="M251" s="56"/>
      <c r="N251" s="56"/>
      <c r="O251" s="56"/>
      <c r="P251" s="56"/>
      <c r="Q251" s="15"/>
      <c r="R251" s="15"/>
      <c r="S251" s="15"/>
      <c r="T251" s="56"/>
      <c r="U251" s="56"/>
      <c r="V251" s="56"/>
      <c r="W251" s="56"/>
      <c r="X251" s="56"/>
      <c r="Y251" s="56"/>
      <c r="Z251" s="56"/>
      <c r="AA251" s="56"/>
      <c r="AB251" s="56"/>
      <c r="AC251" s="56"/>
      <c r="AD251" s="56"/>
      <c r="AE251" s="56"/>
      <c r="AF251" s="56"/>
      <c r="AG251" s="56"/>
      <c r="AH251" s="56"/>
      <c r="AI251" s="56"/>
      <c r="AJ251" s="56"/>
      <c r="AK251" s="56"/>
      <c r="AL251" s="56"/>
      <c r="AM251" s="56"/>
      <c r="AN251" s="56"/>
      <c r="AO251" s="56"/>
      <c r="AP251" s="56"/>
      <c r="AQ251" s="56"/>
      <c r="AR251" s="56"/>
      <c r="AS251" s="56"/>
      <c r="AT251" s="56"/>
      <c r="AU251" s="56"/>
      <c r="AV251" s="56"/>
      <c r="AW251" s="56"/>
      <c r="AX251" s="56"/>
      <c r="AY251" s="56"/>
      <c r="AZ251" s="56"/>
      <c r="BA251" s="56"/>
    </row>
    <row r="252" spans="1:53" ht="15.75" customHeight="1">
      <c r="A252" s="56"/>
      <c r="B252" s="56"/>
      <c r="C252" s="56"/>
      <c r="D252" s="56"/>
      <c r="E252" s="56"/>
      <c r="F252" s="56"/>
      <c r="G252" s="56"/>
      <c r="H252" s="56"/>
      <c r="I252" s="56"/>
      <c r="J252" s="56"/>
      <c r="K252" s="56"/>
      <c r="L252" s="56"/>
      <c r="M252" s="56"/>
      <c r="N252" s="56"/>
      <c r="O252" s="56"/>
      <c r="P252" s="56"/>
      <c r="Q252" s="15"/>
      <c r="R252" s="15"/>
      <c r="S252" s="15"/>
      <c r="T252" s="56"/>
      <c r="U252" s="56"/>
      <c r="V252" s="56"/>
      <c r="W252" s="56"/>
      <c r="X252" s="56"/>
      <c r="Y252" s="56"/>
      <c r="Z252" s="56"/>
      <c r="AA252" s="56"/>
      <c r="AB252" s="56"/>
      <c r="AC252" s="56"/>
      <c r="AD252" s="56"/>
      <c r="AE252" s="56"/>
      <c r="AF252" s="56"/>
      <c r="AG252" s="56"/>
      <c r="AH252" s="56"/>
      <c r="AI252" s="56"/>
      <c r="AJ252" s="56"/>
      <c r="AK252" s="56"/>
      <c r="AL252" s="56"/>
      <c r="AM252" s="56"/>
      <c r="AN252" s="56"/>
      <c r="AO252" s="56"/>
      <c r="AP252" s="56"/>
      <c r="AQ252" s="56"/>
      <c r="AR252" s="56"/>
      <c r="AS252" s="56"/>
      <c r="AT252" s="56"/>
      <c r="AU252" s="56"/>
      <c r="AV252" s="56"/>
      <c r="AW252" s="56"/>
      <c r="AX252" s="56"/>
      <c r="AY252" s="56"/>
      <c r="AZ252" s="56"/>
      <c r="BA252" s="56"/>
    </row>
    <row r="253" spans="1:53" ht="15.75" customHeight="1">
      <c r="A253" s="56"/>
      <c r="B253" s="56"/>
      <c r="C253" s="56"/>
      <c r="D253" s="56"/>
      <c r="E253" s="56"/>
      <c r="F253" s="56"/>
      <c r="G253" s="56"/>
      <c r="H253" s="56"/>
      <c r="I253" s="56"/>
      <c r="J253" s="56"/>
      <c r="K253" s="56"/>
      <c r="L253" s="56"/>
      <c r="M253" s="56"/>
      <c r="N253" s="56"/>
      <c r="O253" s="56"/>
      <c r="P253" s="56"/>
      <c r="Q253" s="15"/>
      <c r="R253" s="15"/>
      <c r="S253" s="15"/>
      <c r="T253" s="56"/>
      <c r="U253" s="56"/>
      <c r="V253" s="56"/>
      <c r="W253" s="56"/>
      <c r="X253" s="56"/>
      <c r="Y253" s="56"/>
      <c r="Z253" s="56"/>
      <c r="AA253" s="56"/>
      <c r="AB253" s="56"/>
      <c r="AC253" s="56"/>
      <c r="AD253" s="56"/>
      <c r="AE253" s="56"/>
      <c r="AF253" s="56"/>
      <c r="AG253" s="56"/>
      <c r="AH253" s="56"/>
      <c r="AI253" s="56"/>
      <c r="AJ253" s="56"/>
      <c r="AK253" s="56"/>
      <c r="AL253" s="56"/>
      <c r="AM253" s="56"/>
      <c r="AN253" s="56"/>
      <c r="AO253" s="56"/>
      <c r="AP253" s="56"/>
      <c r="AQ253" s="56"/>
      <c r="AR253" s="56"/>
      <c r="AS253" s="56"/>
      <c r="AT253" s="56"/>
      <c r="AU253" s="56"/>
      <c r="AV253" s="56"/>
      <c r="AW253" s="56"/>
      <c r="AX253" s="56"/>
      <c r="AY253" s="56"/>
      <c r="AZ253" s="56"/>
      <c r="BA253" s="56"/>
    </row>
    <row r="254" spans="1:53" ht="15.75" customHeight="1">
      <c r="A254" s="56"/>
      <c r="B254" s="56"/>
      <c r="C254" s="56"/>
      <c r="D254" s="56"/>
      <c r="E254" s="56"/>
      <c r="F254" s="56"/>
      <c r="G254" s="56"/>
      <c r="H254" s="56"/>
      <c r="I254" s="56"/>
      <c r="J254" s="56"/>
      <c r="K254" s="56"/>
      <c r="L254" s="56"/>
      <c r="M254" s="56"/>
      <c r="N254" s="56"/>
      <c r="O254" s="56"/>
      <c r="P254" s="56"/>
      <c r="Q254" s="15"/>
      <c r="R254" s="15"/>
      <c r="S254" s="15"/>
      <c r="T254" s="56"/>
      <c r="U254" s="56"/>
      <c r="V254" s="56"/>
      <c r="W254" s="56"/>
      <c r="X254" s="56"/>
      <c r="Y254" s="56"/>
      <c r="Z254" s="56"/>
      <c r="AA254" s="56"/>
      <c r="AB254" s="56"/>
      <c r="AC254" s="56"/>
      <c r="AD254" s="56"/>
      <c r="AE254" s="56"/>
      <c r="AF254" s="56"/>
      <c r="AG254" s="56"/>
      <c r="AH254" s="56"/>
      <c r="AI254" s="56"/>
      <c r="AJ254" s="56"/>
      <c r="AK254" s="56"/>
      <c r="AL254" s="56"/>
      <c r="AM254" s="56"/>
      <c r="AN254" s="56"/>
      <c r="AO254" s="56"/>
      <c r="AP254" s="56"/>
      <c r="AQ254" s="56"/>
      <c r="AR254" s="56"/>
      <c r="AS254" s="56"/>
      <c r="AT254" s="56"/>
      <c r="AU254" s="56"/>
      <c r="AV254" s="56"/>
      <c r="AW254" s="56"/>
      <c r="AX254" s="56"/>
      <c r="AY254" s="56"/>
      <c r="AZ254" s="56"/>
      <c r="BA254" s="56"/>
    </row>
    <row r="255" spans="1:53" ht="15.75" customHeight="1">
      <c r="A255" s="56"/>
      <c r="B255" s="56"/>
      <c r="C255" s="56"/>
      <c r="D255" s="56"/>
      <c r="E255" s="56"/>
      <c r="F255" s="56"/>
      <c r="G255" s="56"/>
      <c r="H255" s="56"/>
      <c r="I255" s="56"/>
      <c r="J255" s="56"/>
      <c r="K255" s="56"/>
      <c r="L255" s="56"/>
      <c r="M255" s="56"/>
      <c r="N255" s="56"/>
      <c r="O255" s="56"/>
      <c r="P255" s="56"/>
      <c r="Q255" s="15"/>
      <c r="R255" s="15"/>
      <c r="S255" s="15"/>
      <c r="T255" s="56"/>
      <c r="U255" s="56"/>
      <c r="V255" s="56"/>
      <c r="W255" s="56"/>
      <c r="X255" s="56"/>
      <c r="Y255" s="56"/>
      <c r="Z255" s="56"/>
      <c r="AA255" s="56"/>
      <c r="AB255" s="56"/>
      <c r="AC255" s="56"/>
      <c r="AD255" s="56"/>
      <c r="AE255" s="56"/>
      <c r="AF255" s="56"/>
      <c r="AG255" s="56"/>
      <c r="AH255" s="56"/>
      <c r="AI255" s="56"/>
      <c r="AJ255" s="56"/>
      <c r="AK255" s="56"/>
      <c r="AL255" s="56"/>
      <c r="AM255" s="56"/>
      <c r="AN255" s="56"/>
      <c r="AO255" s="56"/>
      <c r="AP255" s="56"/>
      <c r="AQ255" s="56"/>
      <c r="AR255" s="56"/>
      <c r="AS255" s="56"/>
      <c r="AT255" s="56"/>
      <c r="AU255" s="56"/>
      <c r="AV255" s="56"/>
      <c r="AW255" s="56"/>
      <c r="AX255" s="56"/>
      <c r="AY255" s="56"/>
      <c r="AZ255" s="56"/>
      <c r="BA255" s="56"/>
    </row>
    <row r="256" spans="1:53" ht="15.75" customHeight="1">
      <c r="A256" s="56"/>
      <c r="B256" s="56"/>
      <c r="C256" s="56"/>
      <c r="D256" s="56"/>
      <c r="E256" s="56"/>
      <c r="F256" s="56"/>
      <c r="G256" s="56"/>
      <c r="H256" s="56"/>
      <c r="I256" s="56"/>
      <c r="J256" s="56"/>
      <c r="K256" s="56"/>
      <c r="L256" s="56"/>
      <c r="M256" s="56"/>
      <c r="N256" s="56"/>
      <c r="O256" s="56"/>
      <c r="P256" s="56"/>
      <c r="Q256" s="15"/>
      <c r="R256" s="15"/>
      <c r="S256" s="15"/>
      <c r="T256" s="56"/>
      <c r="U256" s="56"/>
      <c r="V256" s="56"/>
      <c r="W256" s="56"/>
      <c r="X256" s="56"/>
      <c r="Y256" s="56"/>
      <c r="Z256" s="56"/>
      <c r="AA256" s="56"/>
      <c r="AB256" s="56"/>
      <c r="AC256" s="56"/>
      <c r="AD256" s="56"/>
      <c r="AE256" s="56"/>
      <c r="AF256" s="56"/>
      <c r="AG256" s="56"/>
      <c r="AH256" s="56"/>
      <c r="AI256" s="56"/>
      <c r="AJ256" s="56"/>
      <c r="AK256" s="56"/>
      <c r="AL256" s="56"/>
      <c r="AM256" s="56"/>
      <c r="AN256" s="56"/>
      <c r="AO256" s="56"/>
      <c r="AP256" s="56"/>
      <c r="AQ256" s="56"/>
      <c r="AR256" s="56"/>
      <c r="AS256" s="56"/>
      <c r="AT256" s="56"/>
      <c r="AU256" s="56"/>
      <c r="AV256" s="56"/>
      <c r="AW256" s="56"/>
      <c r="AX256" s="56"/>
      <c r="AY256" s="56"/>
      <c r="AZ256" s="56"/>
      <c r="BA256" s="56"/>
    </row>
    <row r="257" spans="1:53" ht="15.75" customHeight="1">
      <c r="A257" s="56"/>
      <c r="B257" s="56"/>
      <c r="C257" s="56"/>
      <c r="D257" s="56"/>
      <c r="E257" s="56"/>
      <c r="F257" s="56"/>
      <c r="G257" s="56"/>
      <c r="H257" s="56"/>
      <c r="I257" s="56"/>
      <c r="J257" s="56"/>
      <c r="K257" s="56"/>
      <c r="L257" s="56"/>
      <c r="M257" s="56"/>
      <c r="N257" s="56"/>
      <c r="O257" s="56"/>
      <c r="P257" s="56"/>
      <c r="Q257" s="15"/>
      <c r="R257" s="15"/>
      <c r="S257" s="15"/>
      <c r="T257" s="56"/>
      <c r="U257" s="56"/>
      <c r="V257" s="56"/>
      <c r="W257" s="56"/>
      <c r="X257" s="56"/>
      <c r="Y257" s="56"/>
      <c r="Z257" s="56"/>
      <c r="AA257" s="56"/>
      <c r="AB257" s="56"/>
      <c r="AC257" s="56"/>
      <c r="AD257" s="56"/>
      <c r="AE257" s="56"/>
      <c r="AF257" s="56"/>
      <c r="AG257" s="56"/>
      <c r="AH257" s="56"/>
      <c r="AI257" s="56"/>
      <c r="AJ257" s="56"/>
      <c r="AK257" s="56"/>
      <c r="AL257" s="56"/>
      <c r="AM257" s="56"/>
      <c r="AN257" s="56"/>
      <c r="AO257" s="56"/>
      <c r="AP257" s="56"/>
      <c r="AQ257" s="56"/>
      <c r="AR257" s="56"/>
      <c r="AS257" s="56"/>
      <c r="AT257" s="56"/>
      <c r="AU257" s="56"/>
      <c r="AV257" s="56"/>
      <c r="AW257" s="56"/>
      <c r="AX257" s="56"/>
      <c r="AY257" s="56"/>
      <c r="AZ257" s="56"/>
      <c r="BA257" s="56"/>
    </row>
    <row r="258" spans="1:53" ht="15.75" customHeight="1">
      <c r="A258" s="56"/>
      <c r="B258" s="56"/>
      <c r="C258" s="56"/>
      <c r="D258" s="56"/>
      <c r="E258" s="56"/>
      <c r="F258" s="56"/>
      <c r="G258" s="56"/>
      <c r="H258" s="56"/>
      <c r="I258" s="56"/>
      <c r="J258" s="56"/>
      <c r="K258" s="56"/>
      <c r="L258" s="56"/>
      <c r="M258" s="56"/>
      <c r="N258" s="56"/>
      <c r="O258" s="56"/>
      <c r="P258" s="56"/>
      <c r="Q258" s="15"/>
      <c r="R258" s="15"/>
      <c r="S258" s="15"/>
      <c r="T258" s="56"/>
      <c r="U258" s="56"/>
      <c r="V258" s="56"/>
      <c r="W258" s="56"/>
      <c r="X258" s="56"/>
      <c r="Y258" s="56"/>
      <c r="Z258" s="56"/>
      <c r="AA258" s="56"/>
      <c r="AB258" s="56"/>
      <c r="AC258" s="56"/>
      <c r="AD258" s="56"/>
      <c r="AE258" s="56"/>
      <c r="AF258" s="56"/>
      <c r="AG258" s="56"/>
      <c r="AH258" s="56"/>
      <c r="AI258" s="56"/>
      <c r="AJ258" s="56"/>
      <c r="AK258" s="56"/>
      <c r="AL258" s="56"/>
      <c r="AM258" s="56"/>
      <c r="AN258" s="56"/>
      <c r="AO258" s="56"/>
      <c r="AP258" s="56"/>
      <c r="AQ258" s="56"/>
      <c r="AR258" s="56"/>
      <c r="AS258" s="56"/>
      <c r="AT258" s="56"/>
      <c r="AU258" s="56"/>
      <c r="AV258" s="56"/>
      <c r="AW258" s="56"/>
      <c r="AX258" s="56"/>
      <c r="AY258" s="56"/>
      <c r="AZ258" s="56"/>
      <c r="BA258" s="56"/>
    </row>
    <row r="259" spans="1:53" ht="15.75" customHeight="1">
      <c r="A259" s="56"/>
      <c r="B259" s="56"/>
      <c r="C259" s="56"/>
      <c r="D259" s="56"/>
      <c r="E259" s="56"/>
      <c r="F259" s="56"/>
      <c r="G259" s="56"/>
      <c r="H259" s="56"/>
      <c r="I259" s="56"/>
      <c r="J259" s="56"/>
      <c r="K259" s="56"/>
      <c r="L259" s="56"/>
      <c r="M259" s="56"/>
      <c r="N259" s="56"/>
      <c r="O259" s="56"/>
      <c r="P259" s="56"/>
      <c r="Q259" s="15"/>
      <c r="R259" s="15"/>
      <c r="S259" s="15"/>
      <c r="T259" s="56"/>
      <c r="U259" s="56"/>
      <c r="V259" s="56"/>
      <c r="W259" s="56"/>
      <c r="X259" s="56"/>
      <c r="Y259" s="56"/>
      <c r="Z259" s="56"/>
      <c r="AA259" s="56"/>
      <c r="AB259" s="56"/>
      <c r="AC259" s="56"/>
      <c r="AD259" s="56"/>
      <c r="AE259" s="56"/>
      <c r="AF259" s="56"/>
      <c r="AG259" s="56"/>
      <c r="AH259" s="56"/>
      <c r="AI259" s="56"/>
      <c r="AJ259" s="56"/>
      <c r="AK259" s="56"/>
      <c r="AL259" s="56"/>
      <c r="AM259" s="56"/>
      <c r="AN259" s="56"/>
      <c r="AO259" s="56"/>
      <c r="AP259" s="56"/>
      <c r="AQ259" s="56"/>
      <c r="AR259" s="56"/>
      <c r="AS259" s="56"/>
      <c r="AT259" s="56"/>
      <c r="AU259" s="56"/>
      <c r="AV259" s="56"/>
      <c r="AW259" s="56"/>
      <c r="AX259" s="56"/>
      <c r="AY259" s="56"/>
      <c r="AZ259" s="56"/>
      <c r="BA259" s="56"/>
    </row>
    <row r="260" spans="1:53" ht="15.75" customHeight="1">
      <c r="A260" s="56"/>
      <c r="B260" s="56"/>
      <c r="C260" s="56"/>
      <c r="D260" s="56"/>
      <c r="E260" s="56"/>
      <c r="F260" s="56"/>
      <c r="G260" s="56"/>
      <c r="H260" s="56"/>
      <c r="I260" s="56"/>
      <c r="J260" s="56"/>
      <c r="K260" s="56"/>
      <c r="L260" s="56"/>
      <c r="M260" s="56"/>
      <c r="N260" s="56"/>
      <c r="O260" s="56"/>
      <c r="P260" s="56"/>
      <c r="Q260" s="15"/>
      <c r="R260" s="15"/>
      <c r="S260" s="15"/>
      <c r="T260" s="56"/>
      <c r="U260" s="56"/>
      <c r="V260" s="56"/>
      <c r="W260" s="56"/>
      <c r="X260" s="56"/>
      <c r="Y260" s="56"/>
      <c r="Z260" s="56"/>
      <c r="AA260" s="56"/>
      <c r="AB260" s="56"/>
      <c r="AC260" s="56"/>
      <c r="AD260" s="56"/>
      <c r="AE260" s="56"/>
      <c r="AF260" s="56"/>
      <c r="AG260" s="56"/>
      <c r="AH260" s="56"/>
      <c r="AI260" s="56"/>
      <c r="AJ260" s="56"/>
      <c r="AK260" s="56"/>
      <c r="AL260" s="56"/>
      <c r="AM260" s="56"/>
      <c r="AN260" s="56"/>
      <c r="AO260" s="56"/>
      <c r="AP260" s="56"/>
      <c r="AQ260" s="56"/>
      <c r="AR260" s="56"/>
      <c r="AS260" s="56"/>
      <c r="AT260" s="56"/>
      <c r="AU260" s="56"/>
      <c r="AV260" s="56"/>
      <c r="AW260" s="56"/>
      <c r="AX260" s="56"/>
      <c r="AY260" s="56"/>
      <c r="AZ260" s="56"/>
      <c r="BA260" s="56"/>
    </row>
    <row r="261" spans="1:53" ht="15.75" customHeight="1">
      <c r="A261" s="56"/>
      <c r="B261" s="56"/>
      <c r="C261" s="56"/>
      <c r="D261" s="56"/>
      <c r="E261" s="56"/>
      <c r="F261" s="56"/>
      <c r="G261" s="56"/>
      <c r="H261" s="56"/>
      <c r="I261" s="56"/>
      <c r="J261" s="56"/>
      <c r="K261" s="56"/>
      <c r="L261" s="56"/>
      <c r="M261" s="56"/>
      <c r="N261" s="56"/>
      <c r="O261" s="56"/>
      <c r="P261" s="56"/>
      <c r="Q261" s="15"/>
      <c r="R261" s="15"/>
      <c r="S261" s="15"/>
      <c r="T261" s="56"/>
      <c r="U261" s="56"/>
      <c r="V261" s="56"/>
      <c r="W261" s="56"/>
      <c r="X261" s="56"/>
      <c r="Y261" s="56"/>
      <c r="Z261" s="56"/>
      <c r="AA261" s="56"/>
      <c r="AB261" s="56"/>
      <c r="AC261" s="56"/>
      <c r="AD261" s="56"/>
      <c r="AE261" s="56"/>
      <c r="AF261" s="56"/>
      <c r="AG261" s="56"/>
      <c r="AH261" s="56"/>
      <c r="AI261" s="56"/>
      <c r="AJ261" s="56"/>
      <c r="AK261" s="56"/>
      <c r="AL261" s="56"/>
      <c r="AM261" s="56"/>
      <c r="AN261" s="56"/>
      <c r="AO261" s="56"/>
      <c r="AP261" s="56"/>
      <c r="AQ261" s="56"/>
      <c r="AR261" s="56"/>
      <c r="AS261" s="56"/>
      <c r="AT261" s="56"/>
      <c r="AU261" s="56"/>
      <c r="AV261" s="56"/>
      <c r="AW261" s="56"/>
      <c r="AX261" s="56"/>
      <c r="AY261" s="56"/>
      <c r="AZ261" s="56"/>
      <c r="BA261" s="56"/>
    </row>
    <row r="262" spans="1:53" ht="15.75" customHeight="1">
      <c r="A262" s="56"/>
      <c r="B262" s="56"/>
      <c r="C262" s="56"/>
      <c r="D262" s="56"/>
      <c r="E262" s="56"/>
      <c r="F262" s="56"/>
      <c r="G262" s="56"/>
      <c r="H262" s="56"/>
      <c r="I262" s="56"/>
      <c r="J262" s="56"/>
      <c r="K262" s="56"/>
      <c r="L262" s="56"/>
      <c r="M262" s="56"/>
      <c r="N262" s="56"/>
      <c r="O262" s="56"/>
      <c r="P262" s="56"/>
      <c r="Q262" s="15"/>
      <c r="R262" s="15"/>
      <c r="S262" s="15"/>
      <c r="T262" s="56"/>
      <c r="U262" s="56"/>
      <c r="V262" s="56"/>
      <c r="W262" s="56"/>
      <c r="X262" s="56"/>
      <c r="Y262" s="56"/>
      <c r="Z262" s="56"/>
      <c r="AA262" s="56"/>
      <c r="AB262" s="56"/>
      <c r="AC262" s="56"/>
      <c r="AD262" s="56"/>
      <c r="AE262" s="56"/>
      <c r="AF262" s="56"/>
      <c r="AG262" s="56"/>
      <c r="AH262" s="56"/>
      <c r="AI262" s="56"/>
      <c r="AJ262" s="56"/>
      <c r="AK262" s="56"/>
      <c r="AL262" s="56"/>
      <c r="AM262" s="56"/>
      <c r="AN262" s="56"/>
      <c r="AO262" s="56"/>
      <c r="AP262" s="56"/>
      <c r="AQ262" s="56"/>
      <c r="AR262" s="56"/>
      <c r="AS262" s="56"/>
      <c r="AT262" s="56"/>
      <c r="AU262" s="56"/>
      <c r="AV262" s="56"/>
      <c r="AW262" s="56"/>
      <c r="AX262" s="56"/>
      <c r="AY262" s="56"/>
      <c r="AZ262" s="56"/>
      <c r="BA262" s="56"/>
    </row>
    <row r="263" spans="1:53" ht="15.75" customHeight="1">
      <c r="A263" s="56"/>
      <c r="B263" s="56"/>
      <c r="C263" s="56"/>
      <c r="D263" s="56"/>
      <c r="E263" s="56"/>
      <c r="F263" s="56"/>
      <c r="G263" s="56"/>
      <c r="H263" s="56"/>
      <c r="I263" s="56"/>
      <c r="J263" s="56"/>
      <c r="K263" s="56"/>
      <c r="L263" s="56"/>
      <c r="M263" s="56"/>
      <c r="N263" s="56"/>
      <c r="O263" s="56"/>
      <c r="P263" s="56"/>
      <c r="Q263" s="15"/>
      <c r="R263" s="15"/>
      <c r="S263" s="15"/>
      <c r="T263" s="56"/>
      <c r="U263" s="56"/>
      <c r="V263" s="56"/>
      <c r="W263" s="56"/>
      <c r="X263" s="56"/>
      <c r="Y263" s="56"/>
      <c r="Z263" s="56"/>
      <c r="AA263" s="56"/>
      <c r="AB263" s="56"/>
      <c r="AC263" s="56"/>
      <c r="AD263" s="56"/>
      <c r="AE263" s="56"/>
      <c r="AF263" s="56"/>
      <c r="AG263" s="56"/>
      <c r="AH263" s="56"/>
      <c r="AI263" s="56"/>
      <c r="AJ263" s="56"/>
      <c r="AK263" s="56"/>
      <c r="AL263" s="56"/>
      <c r="AM263" s="56"/>
      <c r="AN263" s="56"/>
      <c r="AO263" s="56"/>
      <c r="AP263" s="56"/>
      <c r="AQ263" s="56"/>
      <c r="AR263" s="56"/>
      <c r="AS263" s="56"/>
      <c r="AT263" s="56"/>
      <c r="AU263" s="56"/>
      <c r="AV263" s="56"/>
      <c r="AW263" s="56"/>
      <c r="AX263" s="56"/>
      <c r="AY263" s="56"/>
      <c r="AZ263" s="56"/>
      <c r="BA263" s="56"/>
    </row>
    <row r="264" spans="1:53" ht="15.75" customHeight="1">
      <c r="A264" s="56"/>
      <c r="B264" s="56"/>
      <c r="C264" s="56"/>
      <c r="D264" s="56"/>
      <c r="E264" s="56"/>
      <c r="F264" s="56"/>
      <c r="G264" s="56"/>
      <c r="H264" s="56"/>
      <c r="I264" s="56"/>
      <c r="J264" s="56"/>
      <c r="K264" s="56"/>
      <c r="L264" s="56"/>
      <c r="M264" s="56"/>
      <c r="N264" s="56"/>
      <c r="O264" s="56"/>
      <c r="P264" s="56"/>
      <c r="Q264" s="15"/>
      <c r="R264" s="15"/>
      <c r="S264" s="15"/>
      <c r="T264" s="56"/>
      <c r="U264" s="56"/>
      <c r="V264" s="56"/>
      <c r="W264" s="56"/>
      <c r="X264" s="56"/>
      <c r="Y264" s="56"/>
      <c r="Z264" s="56"/>
      <c r="AA264" s="56"/>
      <c r="AB264" s="56"/>
      <c r="AC264" s="56"/>
      <c r="AD264" s="56"/>
      <c r="AE264" s="56"/>
      <c r="AF264" s="56"/>
      <c r="AG264" s="56"/>
      <c r="AH264" s="56"/>
      <c r="AI264" s="56"/>
      <c r="AJ264" s="56"/>
      <c r="AK264" s="56"/>
      <c r="AL264" s="56"/>
      <c r="AM264" s="56"/>
      <c r="AN264" s="56"/>
      <c r="AO264" s="56"/>
      <c r="AP264" s="56"/>
      <c r="AQ264" s="56"/>
      <c r="AR264" s="56"/>
      <c r="AS264" s="56"/>
      <c r="AT264" s="56"/>
      <c r="AU264" s="56"/>
      <c r="AV264" s="56"/>
      <c r="AW264" s="56"/>
      <c r="AX264" s="56"/>
      <c r="AY264" s="56"/>
      <c r="AZ264" s="56"/>
      <c r="BA264" s="56"/>
    </row>
    <row r="265" spans="1:53" ht="15.75" customHeight="1">
      <c r="A265" s="56"/>
      <c r="B265" s="56"/>
      <c r="C265" s="56"/>
      <c r="D265" s="56"/>
      <c r="E265" s="56"/>
      <c r="F265" s="56"/>
      <c r="G265" s="56"/>
      <c r="H265" s="56"/>
      <c r="I265" s="56"/>
      <c r="J265" s="56"/>
      <c r="K265" s="56"/>
      <c r="L265" s="56"/>
      <c r="M265" s="56"/>
      <c r="N265" s="56"/>
      <c r="O265" s="56"/>
      <c r="P265" s="56"/>
      <c r="Q265" s="15"/>
      <c r="R265" s="15"/>
      <c r="S265" s="15"/>
      <c r="T265" s="56"/>
      <c r="U265" s="56"/>
      <c r="V265" s="56"/>
      <c r="W265" s="56"/>
      <c r="X265" s="56"/>
      <c r="Y265" s="56"/>
      <c r="Z265" s="56"/>
      <c r="AA265" s="56"/>
      <c r="AB265" s="56"/>
      <c r="AC265" s="56"/>
      <c r="AD265" s="56"/>
      <c r="AE265" s="56"/>
      <c r="AF265" s="56"/>
      <c r="AG265" s="56"/>
      <c r="AH265" s="56"/>
      <c r="AI265" s="56"/>
      <c r="AJ265" s="56"/>
      <c r="AK265" s="56"/>
      <c r="AL265" s="56"/>
      <c r="AM265" s="56"/>
      <c r="AN265" s="56"/>
      <c r="AO265" s="56"/>
      <c r="AP265" s="56"/>
      <c r="AQ265" s="56"/>
      <c r="AR265" s="56"/>
      <c r="AS265" s="56"/>
      <c r="AT265" s="56"/>
      <c r="AU265" s="56"/>
      <c r="AV265" s="56"/>
      <c r="AW265" s="56"/>
      <c r="AX265" s="56"/>
      <c r="AY265" s="56"/>
      <c r="AZ265" s="56"/>
      <c r="BA265" s="56"/>
    </row>
    <row r="266" spans="1:53" ht="15.75" customHeight="1">
      <c r="A266" s="56"/>
      <c r="B266" s="56"/>
      <c r="C266" s="56"/>
      <c r="D266" s="56"/>
      <c r="E266" s="56"/>
      <c r="F266" s="56"/>
      <c r="G266" s="56"/>
      <c r="H266" s="56"/>
      <c r="I266" s="56"/>
      <c r="J266" s="56"/>
      <c r="K266" s="56"/>
      <c r="L266" s="56"/>
      <c r="M266" s="56"/>
      <c r="N266" s="56"/>
      <c r="O266" s="56"/>
      <c r="P266" s="56"/>
      <c r="Q266" s="15"/>
      <c r="R266" s="15"/>
      <c r="S266" s="15"/>
      <c r="T266" s="56"/>
      <c r="U266" s="56"/>
      <c r="V266" s="56"/>
      <c r="W266" s="56"/>
      <c r="X266" s="56"/>
      <c r="Y266" s="56"/>
      <c r="Z266" s="56"/>
      <c r="AA266" s="56"/>
      <c r="AB266" s="56"/>
      <c r="AC266" s="56"/>
      <c r="AD266" s="56"/>
      <c r="AE266" s="56"/>
      <c r="AF266" s="56"/>
      <c r="AG266" s="56"/>
      <c r="AH266" s="56"/>
      <c r="AI266" s="56"/>
      <c r="AJ266" s="56"/>
      <c r="AK266" s="56"/>
      <c r="AL266" s="56"/>
      <c r="AM266" s="56"/>
      <c r="AN266" s="56"/>
      <c r="AO266" s="56"/>
      <c r="AP266" s="56"/>
      <c r="AQ266" s="56"/>
      <c r="AR266" s="56"/>
      <c r="AS266" s="56"/>
      <c r="AT266" s="56"/>
      <c r="AU266" s="56"/>
      <c r="AV266" s="56"/>
      <c r="AW266" s="56"/>
      <c r="AX266" s="56"/>
      <c r="AY266" s="56"/>
      <c r="AZ266" s="56"/>
      <c r="BA266" s="56"/>
    </row>
    <row r="267" spans="1:53" ht="15.75" customHeight="1">
      <c r="A267" s="56"/>
      <c r="B267" s="56"/>
      <c r="C267" s="56"/>
      <c r="D267" s="56"/>
      <c r="E267" s="56"/>
      <c r="F267" s="56"/>
      <c r="G267" s="56"/>
      <c r="H267" s="56"/>
      <c r="I267" s="56"/>
      <c r="J267" s="56"/>
      <c r="K267" s="56"/>
      <c r="L267" s="56"/>
      <c r="M267" s="56"/>
      <c r="N267" s="56"/>
      <c r="O267" s="56"/>
      <c r="P267" s="56"/>
      <c r="Q267" s="15"/>
      <c r="R267" s="15"/>
      <c r="S267" s="15"/>
      <c r="T267" s="56"/>
      <c r="U267" s="56"/>
      <c r="V267" s="56"/>
      <c r="W267" s="56"/>
      <c r="X267" s="56"/>
      <c r="Y267" s="56"/>
      <c r="Z267" s="56"/>
      <c r="AA267" s="56"/>
      <c r="AB267" s="56"/>
      <c r="AC267" s="56"/>
      <c r="AD267" s="56"/>
      <c r="AE267" s="56"/>
      <c r="AF267" s="56"/>
      <c r="AG267" s="56"/>
      <c r="AH267" s="56"/>
      <c r="AI267" s="56"/>
      <c r="AJ267" s="56"/>
      <c r="AK267" s="56"/>
      <c r="AL267" s="56"/>
      <c r="AM267" s="56"/>
      <c r="AN267" s="56"/>
      <c r="AO267" s="56"/>
      <c r="AP267" s="56"/>
      <c r="AQ267" s="56"/>
      <c r="AR267" s="56"/>
      <c r="AS267" s="56"/>
      <c r="AT267" s="56"/>
      <c r="AU267" s="56"/>
      <c r="AV267" s="56"/>
      <c r="AW267" s="56"/>
      <c r="AX267" s="56"/>
      <c r="AY267" s="56"/>
      <c r="AZ267" s="56"/>
      <c r="BA267" s="56"/>
    </row>
    <row r="268" spans="1:53" ht="15.75" customHeight="1">
      <c r="A268" s="56"/>
      <c r="B268" s="56"/>
      <c r="C268" s="56"/>
      <c r="D268" s="56"/>
      <c r="E268" s="56"/>
      <c r="F268" s="56"/>
      <c r="G268" s="56"/>
      <c r="H268" s="56"/>
      <c r="I268" s="56"/>
      <c r="J268" s="56"/>
      <c r="K268" s="56"/>
      <c r="L268" s="56"/>
      <c r="M268" s="56"/>
      <c r="N268" s="56"/>
      <c r="O268" s="56"/>
      <c r="P268" s="56"/>
      <c r="Q268" s="15"/>
      <c r="R268" s="15"/>
      <c r="S268" s="15"/>
      <c r="T268" s="56"/>
      <c r="U268" s="56"/>
      <c r="V268" s="56"/>
      <c r="W268" s="56"/>
      <c r="X268" s="56"/>
      <c r="Y268" s="56"/>
      <c r="Z268" s="56"/>
      <c r="AA268" s="56"/>
      <c r="AB268" s="56"/>
      <c r="AC268" s="56"/>
      <c r="AD268" s="56"/>
      <c r="AE268" s="56"/>
      <c r="AF268" s="56"/>
      <c r="AG268" s="56"/>
      <c r="AH268" s="56"/>
      <c r="AI268" s="56"/>
      <c r="AJ268" s="56"/>
      <c r="AK268" s="56"/>
      <c r="AL268" s="56"/>
      <c r="AM268" s="56"/>
      <c r="AN268" s="56"/>
      <c r="AO268" s="56"/>
      <c r="AP268" s="56"/>
      <c r="AQ268" s="56"/>
      <c r="AR268" s="56"/>
      <c r="AS268" s="56"/>
      <c r="AT268" s="56"/>
      <c r="AU268" s="56"/>
      <c r="AV268" s="56"/>
      <c r="AW268" s="56"/>
      <c r="AX268" s="56"/>
      <c r="AY268" s="56"/>
      <c r="AZ268" s="56"/>
      <c r="BA268" s="56"/>
    </row>
    <row r="269" spans="1:53" ht="15.75" customHeight="1">
      <c r="A269" s="56"/>
      <c r="B269" s="56"/>
      <c r="C269" s="56"/>
      <c r="D269" s="56"/>
      <c r="E269" s="56"/>
      <c r="F269" s="56"/>
      <c r="G269" s="56"/>
      <c r="H269" s="56"/>
      <c r="I269" s="56"/>
      <c r="J269" s="56"/>
      <c r="K269" s="56"/>
      <c r="L269" s="56"/>
      <c r="M269" s="56"/>
      <c r="N269" s="56"/>
      <c r="O269" s="56"/>
      <c r="P269" s="56"/>
      <c r="Q269" s="15"/>
      <c r="R269" s="15"/>
      <c r="S269" s="15"/>
      <c r="T269" s="56"/>
      <c r="U269" s="56"/>
      <c r="V269" s="56"/>
      <c r="W269" s="56"/>
      <c r="X269" s="56"/>
      <c r="Y269" s="56"/>
      <c r="Z269" s="56"/>
      <c r="AA269" s="56"/>
      <c r="AB269" s="56"/>
      <c r="AC269" s="56"/>
      <c r="AD269" s="56"/>
      <c r="AE269" s="56"/>
      <c r="AF269" s="56"/>
      <c r="AG269" s="56"/>
      <c r="AH269" s="56"/>
      <c r="AI269" s="56"/>
      <c r="AJ269" s="56"/>
      <c r="AK269" s="56"/>
      <c r="AL269" s="56"/>
      <c r="AM269" s="56"/>
      <c r="AN269" s="56"/>
      <c r="AO269" s="56"/>
      <c r="AP269" s="56"/>
      <c r="AQ269" s="56"/>
      <c r="AR269" s="56"/>
      <c r="AS269" s="56"/>
      <c r="AT269" s="56"/>
      <c r="AU269" s="56"/>
      <c r="AV269" s="56"/>
      <c r="AW269" s="56"/>
      <c r="AX269" s="56"/>
      <c r="AY269" s="56"/>
      <c r="AZ269" s="56"/>
      <c r="BA269" s="56"/>
    </row>
    <row r="270" spans="1:53" ht="15.75" customHeight="1">
      <c r="A270" s="56"/>
      <c r="B270" s="56"/>
      <c r="C270" s="56"/>
      <c r="D270" s="56"/>
      <c r="E270" s="56"/>
      <c r="F270" s="56"/>
      <c r="G270" s="56"/>
      <c r="H270" s="56"/>
      <c r="I270" s="56"/>
      <c r="J270" s="56"/>
      <c r="K270" s="56"/>
      <c r="L270" s="56"/>
      <c r="M270" s="56"/>
      <c r="N270" s="56"/>
      <c r="O270" s="56"/>
      <c r="P270" s="56"/>
      <c r="Q270" s="15"/>
      <c r="R270" s="15"/>
      <c r="S270" s="15"/>
      <c r="T270" s="56"/>
      <c r="U270" s="56"/>
      <c r="V270" s="56"/>
      <c r="W270" s="56"/>
      <c r="X270" s="56"/>
      <c r="Y270" s="56"/>
      <c r="Z270" s="56"/>
      <c r="AA270" s="56"/>
      <c r="AB270" s="56"/>
      <c r="AC270" s="56"/>
      <c r="AD270" s="56"/>
      <c r="AE270" s="56"/>
      <c r="AF270" s="56"/>
      <c r="AG270" s="56"/>
      <c r="AH270" s="56"/>
      <c r="AI270" s="56"/>
      <c r="AJ270" s="56"/>
      <c r="AK270" s="56"/>
      <c r="AL270" s="56"/>
      <c r="AM270" s="56"/>
      <c r="AN270" s="56"/>
      <c r="AO270" s="56"/>
      <c r="AP270" s="56"/>
      <c r="AQ270" s="56"/>
      <c r="AR270" s="56"/>
      <c r="AS270" s="56"/>
      <c r="AT270" s="56"/>
      <c r="AU270" s="56"/>
      <c r="AV270" s="56"/>
      <c r="AW270" s="56"/>
      <c r="AX270" s="56"/>
      <c r="AY270" s="56"/>
      <c r="AZ270" s="56"/>
      <c r="BA270" s="56"/>
    </row>
    <row r="271" spans="1:53" ht="15.75" customHeight="1">
      <c r="A271" s="56"/>
      <c r="B271" s="56"/>
      <c r="C271" s="56"/>
      <c r="D271" s="56"/>
      <c r="E271" s="56"/>
      <c r="F271" s="56"/>
      <c r="G271" s="56"/>
      <c r="H271" s="56"/>
      <c r="I271" s="56"/>
      <c r="J271" s="56"/>
      <c r="K271" s="56"/>
      <c r="L271" s="56"/>
      <c r="M271" s="56"/>
      <c r="N271" s="56"/>
      <c r="O271" s="56"/>
      <c r="P271" s="56"/>
      <c r="Q271" s="15"/>
      <c r="R271" s="15"/>
      <c r="S271" s="15"/>
      <c r="T271" s="56"/>
      <c r="U271" s="56"/>
      <c r="V271" s="56"/>
      <c r="W271" s="56"/>
      <c r="X271" s="56"/>
      <c r="Y271" s="56"/>
      <c r="Z271" s="56"/>
      <c r="AA271" s="56"/>
      <c r="AB271" s="56"/>
      <c r="AC271" s="56"/>
      <c r="AD271" s="56"/>
      <c r="AE271" s="56"/>
      <c r="AF271" s="56"/>
      <c r="AG271" s="56"/>
      <c r="AH271" s="56"/>
      <c r="AI271" s="56"/>
      <c r="AJ271" s="56"/>
      <c r="AK271" s="56"/>
      <c r="AL271" s="56"/>
      <c r="AM271" s="56"/>
      <c r="AN271" s="56"/>
      <c r="AO271" s="56"/>
      <c r="AP271" s="56"/>
      <c r="AQ271" s="56"/>
      <c r="AR271" s="56"/>
      <c r="AS271" s="56"/>
      <c r="AT271" s="56"/>
      <c r="AU271" s="56"/>
      <c r="AV271" s="56"/>
      <c r="AW271" s="56"/>
      <c r="AX271" s="56"/>
      <c r="AY271" s="56"/>
      <c r="AZ271" s="56"/>
      <c r="BA271" s="56"/>
    </row>
    <row r="272" spans="1:53" ht="15.75" customHeight="1">
      <c r="A272" s="56"/>
      <c r="B272" s="56"/>
      <c r="C272" s="56"/>
      <c r="D272" s="56"/>
      <c r="E272" s="56"/>
      <c r="F272" s="56"/>
      <c r="G272" s="56"/>
      <c r="H272" s="56"/>
      <c r="I272" s="56"/>
      <c r="J272" s="56"/>
      <c r="K272" s="56"/>
      <c r="L272" s="56"/>
      <c r="M272" s="56"/>
      <c r="N272" s="56"/>
      <c r="O272" s="56"/>
      <c r="P272" s="56"/>
      <c r="Q272" s="15"/>
      <c r="R272" s="15"/>
      <c r="S272" s="15"/>
      <c r="T272" s="56"/>
      <c r="U272" s="56"/>
      <c r="V272" s="56"/>
      <c r="W272" s="56"/>
      <c r="X272" s="56"/>
      <c r="Y272" s="56"/>
      <c r="Z272" s="56"/>
      <c r="AA272" s="56"/>
      <c r="AB272" s="56"/>
      <c r="AC272" s="56"/>
      <c r="AD272" s="56"/>
      <c r="AE272" s="56"/>
      <c r="AF272" s="56"/>
      <c r="AG272" s="56"/>
      <c r="AH272" s="56"/>
      <c r="AI272" s="56"/>
      <c r="AJ272" s="56"/>
      <c r="AK272" s="56"/>
      <c r="AL272" s="56"/>
      <c r="AM272" s="56"/>
      <c r="AN272" s="56"/>
      <c r="AO272" s="56"/>
      <c r="AP272" s="56"/>
      <c r="AQ272" s="56"/>
      <c r="AR272" s="56"/>
      <c r="AS272" s="56"/>
      <c r="AT272" s="56"/>
      <c r="AU272" s="56"/>
      <c r="AV272" s="56"/>
      <c r="AW272" s="56"/>
      <c r="AX272" s="56"/>
      <c r="AY272" s="56"/>
      <c r="AZ272" s="56"/>
      <c r="BA272" s="56"/>
    </row>
    <row r="273" spans="1:53" ht="15.75" customHeight="1">
      <c r="A273" s="56"/>
      <c r="B273" s="56"/>
      <c r="C273" s="56"/>
      <c r="D273" s="56"/>
      <c r="E273" s="56"/>
      <c r="F273" s="56"/>
      <c r="G273" s="56"/>
      <c r="H273" s="56"/>
      <c r="I273" s="56"/>
      <c r="J273" s="56"/>
      <c r="K273" s="56"/>
      <c r="L273" s="56"/>
      <c r="M273" s="56"/>
      <c r="N273" s="56"/>
      <c r="O273" s="56"/>
      <c r="P273" s="56"/>
      <c r="Q273" s="15"/>
      <c r="R273" s="15"/>
      <c r="S273" s="15"/>
      <c r="T273" s="56"/>
      <c r="U273" s="56"/>
      <c r="V273" s="56"/>
      <c r="W273" s="56"/>
      <c r="X273" s="56"/>
      <c r="Y273" s="56"/>
      <c r="Z273" s="56"/>
      <c r="AA273" s="56"/>
      <c r="AB273" s="56"/>
      <c r="AC273" s="56"/>
      <c r="AD273" s="56"/>
      <c r="AE273" s="56"/>
      <c r="AF273" s="56"/>
      <c r="AG273" s="56"/>
      <c r="AH273" s="56"/>
      <c r="AI273" s="56"/>
      <c r="AJ273" s="56"/>
      <c r="AK273" s="56"/>
      <c r="AL273" s="56"/>
      <c r="AM273" s="56"/>
      <c r="AN273" s="56"/>
      <c r="AO273" s="56"/>
      <c r="AP273" s="56"/>
      <c r="AQ273" s="56"/>
      <c r="AR273" s="56"/>
      <c r="AS273" s="56"/>
      <c r="AT273" s="56"/>
      <c r="AU273" s="56"/>
      <c r="AV273" s="56"/>
      <c r="AW273" s="56"/>
      <c r="AX273" s="56"/>
      <c r="AY273" s="56"/>
      <c r="AZ273" s="56"/>
      <c r="BA273" s="56"/>
    </row>
    <row r="274" spans="1:53" ht="15.75" customHeight="1">
      <c r="A274" s="56"/>
      <c r="B274" s="56"/>
      <c r="C274" s="56"/>
      <c r="D274" s="56"/>
      <c r="E274" s="56"/>
      <c r="F274" s="56"/>
      <c r="G274" s="56"/>
      <c r="H274" s="56"/>
      <c r="I274" s="56"/>
      <c r="J274" s="56"/>
      <c r="K274" s="56"/>
      <c r="L274" s="56"/>
      <c r="M274" s="56"/>
      <c r="N274" s="56"/>
      <c r="O274" s="56"/>
      <c r="P274" s="56"/>
      <c r="Q274" s="15"/>
      <c r="R274" s="15"/>
      <c r="S274" s="15"/>
      <c r="T274" s="56"/>
      <c r="U274" s="56"/>
      <c r="V274" s="56"/>
      <c r="W274" s="56"/>
      <c r="X274" s="56"/>
      <c r="Y274" s="56"/>
      <c r="Z274" s="56"/>
      <c r="AA274" s="56"/>
      <c r="AB274" s="56"/>
      <c r="AC274" s="56"/>
      <c r="AD274" s="56"/>
      <c r="AE274" s="56"/>
      <c r="AF274" s="56"/>
      <c r="AG274" s="56"/>
      <c r="AH274" s="56"/>
      <c r="AI274" s="56"/>
      <c r="AJ274" s="56"/>
      <c r="AK274" s="56"/>
      <c r="AL274" s="56"/>
      <c r="AM274" s="56"/>
      <c r="AN274" s="56"/>
      <c r="AO274" s="56"/>
      <c r="AP274" s="56"/>
      <c r="AQ274" s="56"/>
      <c r="AR274" s="56"/>
      <c r="AS274" s="56"/>
      <c r="AT274" s="56"/>
      <c r="AU274" s="56"/>
      <c r="AV274" s="56"/>
      <c r="AW274" s="56"/>
      <c r="AX274" s="56"/>
      <c r="AY274" s="56"/>
      <c r="AZ274" s="56"/>
      <c r="BA274" s="56"/>
    </row>
    <row r="275" spans="1:53" ht="15.75" customHeight="1">
      <c r="A275" s="56"/>
      <c r="B275" s="56"/>
      <c r="C275" s="56"/>
      <c r="D275" s="56"/>
      <c r="E275" s="56"/>
      <c r="F275" s="56"/>
      <c r="G275" s="56"/>
      <c r="H275" s="56"/>
      <c r="I275" s="56"/>
      <c r="J275" s="56"/>
      <c r="K275" s="56"/>
      <c r="L275" s="56"/>
      <c r="M275" s="56"/>
      <c r="N275" s="56"/>
      <c r="O275" s="56"/>
      <c r="P275" s="56"/>
      <c r="Q275" s="15"/>
      <c r="R275" s="15"/>
      <c r="S275" s="15"/>
      <c r="T275" s="56"/>
      <c r="U275" s="56"/>
      <c r="V275" s="56"/>
      <c r="W275" s="56"/>
      <c r="X275" s="56"/>
      <c r="Y275" s="56"/>
      <c r="Z275" s="56"/>
      <c r="AA275" s="56"/>
      <c r="AB275" s="56"/>
      <c r="AC275" s="56"/>
      <c r="AD275" s="56"/>
      <c r="AE275" s="56"/>
      <c r="AF275" s="56"/>
      <c r="AG275" s="56"/>
      <c r="AH275" s="56"/>
      <c r="AI275" s="56"/>
      <c r="AJ275" s="56"/>
      <c r="AK275" s="56"/>
      <c r="AL275" s="56"/>
      <c r="AM275" s="56"/>
      <c r="AN275" s="56"/>
      <c r="AO275" s="56"/>
      <c r="AP275" s="56"/>
      <c r="AQ275" s="56"/>
      <c r="AR275" s="56"/>
      <c r="AS275" s="56"/>
      <c r="AT275" s="56"/>
      <c r="AU275" s="56"/>
      <c r="AV275" s="56"/>
      <c r="AW275" s="56"/>
      <c r="AX275" s="56"/>
      <c r="AY275" s="56"/>
      <c r="AZ275" s="56"/>
      <c r="BA275" s="56"/>
    </row>
    <row r="276" spans="1:53" ht="15.75" customHeight="1">
      <c r="A276" s="56"/>
      <c r="B276" s="56"/>
      <c r="C276" s="56"/>
      <c r="D276" s="56"/>
      <c r="E276" s="56"/>
      <c r="F276" s="56"/>
      <c r="G276" s="56"/>
      <c r="H276" s="56"/>
      <c r="I276" s="56"/>
      <c r="J276" s="56"/>
      <c r="K276" s="56"/>
      <c r="L276" s="56"/>
      <c r="M276" s="56"/>
      <c r="N276" s="56"/>
      <c r="O276" s="56"/>
      <c r="P276" s="56"/>
      <c r="Q276" s="15"/>
      <c r="R276" s="15"/>
      <c r="S276" s="15"/>
      <c r="T276" s="56"/>
      <c r="U276" s="56"/>
      <c r="V276" s="56"/>
      <c r="W276" s="56"/>
      <c r="X276" s="56"/>
      <c r="Y276" s="56"/>
      <c r="Z276" s="56"/>
      <c r="AA276" s="56"/>
      <c r="AB276" s="56"/>
      <c r="AC276" s="56"/>
      <c r="AD276" s="56"/>
      <c r="AE276" s="56"/>
      <c r="AF276" s="56"/>
      <c r="AG276" s="56"/>
      <c r="AH276" s="56"/>
      <c r="AI276" s="56"/>
      <c r="AJ276" s="56"/>
      <c r="AK276" s="56"/>
      <c r="AL276" s="56"/>
      <c r="AM276" s="56"/>
      <c r="AN276" s="56"/>
      <c r="AO276" s="56"/>
      <c r="AP276" s="56"/>
      <c r="AQ276" s="56"/>
      <c r="AR276" s="56"/>
      <c r="AS276" s="56"/>
      <c r="AT276" s="56"/>
      <c r="AU276" s="56"/>
      <c r="AV276" s="56"/>
      <c r="AW276" s="56"/>
      <c r="AX276" s="56"/>
      <c r="AY276" s="56"/>
      <c r="AZ276" s="56"/>
      <c r="BA276" s="56"/>
    </row>
    <row r="277" spans="1:53" ht="15.75" customHeight="1">
      <c r="A277" s="56"/>
      <c r="B277" s="56"/>
      <c r="C277" s="56"/>
      <c r="D277" s="56"/>
      <c r="E277" s="56"/>
      <c r="F277" s="56"/>
      <c r="G277" s="56"/>
      <c r="H277" s="56"/>
      <c r="I277" s="56"/>
      <c r="J277" s="56"/>
      <c r="K277" s="56"/>
      <c r="L277" s="56"/>
      <c r="M277" s="56"/>
      <c r="N277" s="56"/>
      <c r="O277" s="56"/>
      <c r="P277" s="56"/>
      <c r="Q277" s="15"/>
      <c r="R277" s="15"/>
      <c r="S277" s="15"/>
      <c r="T277" s="56"/>
      <c r="U277" s="56"/>
      <c r="V277" s="56"/>
      <c r="W277" s="56"/>
      <c r="X277" s="56"/>
      <c r="Y277" s="56"/>
      <c r="Z277" s="56"/>
      <c r="AA277" s="56"/>
      <c r="AB277" s="56"/>
      <c r="AC277" s="56"/>
      <c r="AD277" s="56"/>
      <c r="AE277" s="56"/>
      <c r="AF277" s="56"/>
      <c r="AG277" s="56"/>
      <c r="AH277" s="56"/>
      <c r="AI277" s="56"/>
      <c r="AJ277" s="56"/>
      <c r="AK277" s="56"/>
      <c r="AL277" s="56"/>
      <c r="AM277" s="56"/>
      <c r="AN277" s="56"/>
      <c r="AO277" s="56"/>
      <c r="AP277" s="56"/>
      <c r="AQ277" s="56"/>
      <c r="AR277" s="56"/>
      <c r="AS277" s="56"/>
      <c r="AT277" s="56"/>
      <c r="AU277" s="56"/>
      <c r="AV277" s="56"/>
      <c r="AW277" s="56"/>
      <c r="AX277" s="56"/>
      <c r="AY277" s="56"/>
      <c r="AZ277" s="56"/>
      <c r="BA277" s="56"/>
    </row>
    <row r="278" spans="1:53" ht="15.75" customHeight="1">
      <c r="A278" s="56"/>
      <c r="B278" s="56"/>
      <c r="C278" s="56"/>
      <c r="D278" s="56"/>
      <c r="E278" s="56"/>
      <c r="F278" s="56"/>
      <c r="G278" s="56"/>
      <c r="H278" s="56"/>
      <c r="I278" s="56"/>
      <c r="J278" s="56"/>
      <c r="K278" s="56"/>
      <c r="L278" s="56"/>
      <c r="M278" s="56"/>
      <c r="N278" s="56"/>
      <c r="O278" s="56"/>
      <c r="P278" s="56"/>
      <c r="Q278" s="15"/>
      <c r="R278" s="15"/>
      <c r="S278" s="15"/>
      <c r="T278" s="56"/>
      <c r="U278" s="56"/>
      <c r="V278" s="56"/>
      <c r="W278" s="56"/>
      <c r="X278" s="56"/>
      <c r="Y278" s="56"/>
      <c r="Z278" s="56"/>
      <c r="AA278" s="56"/>
      <c r="AB278" s="56"/>
      <c r="AC278" s="56"/>
      <c r="AD278" s="56"/>
      <c r="AE278" s="56"/>
      <c r="AF278" s="56"/>
      <c r="AG278" s="56"/>
      <c r="AH278" s="56"/>
      <c r="AI278" s="56"/>
      <c r="AJ278" s="56"/>
      <c r="AK278" s="56"/>
      <c r="AL278" s="56"/>
      <c r="AM278" s="56"/>
      <c r="AN278" s="56"/>
      <c r="AO278" s="56"/>
      <c r="AP278" s="56"/>
      <c r="AQ278" s="56"/>
      <c r="AR278" s="56"/>
      <c r="AS278" s="56"/>
      <c r="AT278" s="56"/>
      <c r="AU278" s="56"/>
      <c r="AV278" s="56"/>
      <c r="AW278" s="56"/>
      <c r="AX278" s="56"/>
      <c r="AY278" s="56"/>
      <c r="AZ278" s="56"/>
      <c r="BA278" s="56"/>
    </row>
    <row r="279" spans="1:53" ht="15.75" customHeight="1">
      <c r="A279" s="56"/>
      <c r="B279" s="56"/>
      <c r="C279" s="56"/>
      <c r="D279" s="56"/>
      <c r="E279" s="56"/>
      <c r="F279" s="56"/>
      <c r="G279" s="56"/>
      <c r="H279" s="56"/>
      <c r="I279" s="56"/>
      <c r="J279" s="56"/>
      <c r="K279" s="56"/>
      <c r="L279" s="56"/>
      <c r="M279" s="56"/>
      <c r="N279" s="56"/>
      <c r="O279" s="56"/>
      <c r="P279" s="56"/>
      <c r="Q279" s="15"/>
      <c r="R279" s="15"/>
      <c r="S279" s="15"/>
      <c r="T279" s="56"/>
      <c r="U279" s="56"/>
      <c r="V279" s="56"/>
      <c r="W279" s="56"/>
      <c r="X279" s="56"/>
      <c r="Y279" s="56"/>
      <c r="Z279" s="56"/>
      <c r="AA279" s="56"/>
      <c r="AB279" s="56"/>
      <c r="AC279" s="56"/>
      <c r="AD279" s="56"/>
      <c r="AE279" s="56"/>
      <c r="AF279" s="56"/>
      <c r="AG279" s="56"/>
      <c r="AH279" s="56"/>
      <c r="AI279" s="56"/>
      <c r="AJ279" s="56"/>
      <c r="AK279" s="56"/>
      <c r="AL279" s="56"/>
      <c r="AM279" s="56"/>
      <c r="AN279" s="56"/>
      <c r="AO279" s="56"/>
      <c r="AP279" s="56"/>
      <c r="AQ279" s="56"/>
      <c r="AR279" s="56"/>
      <c r="AS279" s="56"/>
      <c r="AT279" s="56"/>
      <c r="AU279" s="56"/>
      <c r="AV279" s="56"/>
      <c r="AW279" s="56"/>
      <c r="AX279" s="56"/>
      <c r="AY279" s="56"/>
      <c r="AZ279" s="56"/>
      <c r="BA279" s="56"/>
    </row>
    <row r="280" spans="1:53" ht="15.75" customHeight="1">
      <c r="A280" s="56"/>
      <c r="B280" s="56"/>
      <c r="C280" s="56"/>
      <c r="D280" s="56"/>
      <c r="E280" s="56"/>
      <c r="F280" s="56"/>
      <c r="G280" s="56"/>
      <c r="H280" s="56"/>
      <c r="I280" s="56"/>
      <c r="J280" s="56"/>
      <c r="K280" s="56"/>
      <c r="L280" s="56"/>
      <c r="M280" s="56"/>
      <c r="N280" s="56"/>
      <c r="O280" s="56"/>
      <c r="P280" s="56"/>
      <c r="Q280" s="15"/>
      <c r="R280" s="15"/>
      <c r="S280" s="15"/>
      <c r="T280" s="56"/>
      <c r="U280" s="56"/>
      <c r="V280" s="56"/>
      <c r="W280" s="56"/>
      <c r="X280" s="56"/>
      <c r="Y280" s="56"/>
      <c r="Z280" s="56"/>
      <c r="AA280" s="56"/>
      <c r="AB280" s="56"/>
      <c r="AC280" s="56"/>
      <c r="AD280" s="56"/>
      <c r="AE280" s="56"/>
      <c r="AF280" s="56"/>
      <c r="AG280" s="56"/>
      <c r="AH280" s="56"/>
      <c r="AI280" s="56"/>
      <c r="AJ280" s="56"/>
      <c r="AK280" s="56"/>
      <c r="AL280" s="56"/>
      <c r="AM280" s="56"/>
      <c r="AN280" s="56"/>
      <c r="AO280" s="56"/>
      <c r="AP280" s="56"/>
      <c r="AQ280" s="56"/>
      <c r="AR280" s="56"/>
      <c r="AS280" s="56"/>
      <c r="AT280" s="56"/>
      <c r="AU280" s="56"/>
      <c r="AV280" s="56"/>
      <c r="AW280" s="56"/>
      <c r="AX280" s="56"/>
      <c r="AY280" s="56"/>
      <c r="AZ280" s="56"/>
      <c r="BA280" s="56"/>
    </row>
    <row r="281" spans="1:53" ht="15.75" customHeight="1">
      <c r="A281" s="56"/>
      <c r="B281" s="56"/>
      <c r="C281" s="56"/>
      <c r="D281" s="56"/>
      <c r="E281" s="56"/>
      <c r="F281" s="56"/>
      <c r="G281" s="56"/>
      <c r="H281" s="56"/>
      <c r="I281" s="56"/>
      <c r="J281" s="56"/>
      <c r="K281" s="56"/>
      <c r="L281" s="56"/>
      <c r="M281" s="56"/>
      <c r="N281" s="56"/>
      <c r="O281" s="56"/>
      <c r="P281" s="56"/>
      <c r="Q281" s="15"/>
      <c r="R281" s="15"/>
      <c r="S281" s="15"/>
      <c r="T281" s="56"/>
      <c r="U281" s="56"/>
      <c r="V281" s="56"/>
      <c r="W281" s="56"/>
      <c r="X281" s="56"/>
      <c r="Y281" s="56"/>
      <c r="Z281" s="56"/>
      <c r="AA281" s="56"/>
      <c r="AB281" s="56"/>
      <c r="AC281" s="56"/>
      <c r="AD281" s="56"/>
      <c r="AE281" s="56"/>
      <c r="AF281" s="56"/>
      <c r="AG281" s="56"/>
      <c r="AH281" s="56"/>
      <c r="AI281" s="56"/>
      <c r="AJ281" s="56"/>
      <c r="AK281" s="56"/>
      <c r="AL281" s="56"/>
      <c r="AM281" s="56"/>
      <c r="AN281" s="56"/>
      <c r="AO281" s="56"/>
      <c r="AP281" s="56"/>
      <c r="AQ281" s="56"/>
      <c r="AR281" s="56"/>
      <c r="AS281" s="56"/>
      <c r="AT281" s="56"/>
      <c r="AU281" s="56"/>
      <c r="AV281" s="56"/>
      <c r="AW281" s="56"/>
      <c r="AX281" s="56"/>
      <c r="AY281" s="56"/>
      <c r="AZ281" s="56"/>
      <c r="BA281" s="56"/>
    </row>
    <row r="282" spans="1:53" ht="15.75" customHeight="1">
      <c r="A282" s="56"/>
      <c r="B282" s="56"/>
      <c r="C282" s="56"/>
      <c r="D282" s="56"/>
      <c r="E282" s="56"/>
      <c r="F282" s="56"/>
      <c r="G282" s="56"/>
      <c r="H282" s="56"/>
      <c r="I282" s="56"/>
      <c r="J282" s="56"/>
      <c r="K282" s="56"/>
      <c r="L282" s="56"/>
      <c r="M282" s="56"/>
      <c r="N282" s="56"/>
      <c r="O282" s="56"/>
      <c r="P282" s="56"/>
      <c r="Q282" s="15"/>
      <c r="R282" s="15"/>
      <c r="S282" s="15"/>
      <c r="T282" s="56"/>
      <c r="U282" s="56"/>
      <c r="V282" s="56"/>
      <c r="W282" s="56"/>
      <c r="X282" s="56"/>
      <c r="Y282" s="56"/>
      <c r="Z282" s="56"/>
      <c r="AA282" s="56"/>
      <c r="AB282" s="56"/>
      <c r="AC282" s="56"/>
      <c r="AD282" s="56"/>
      <c r="AE282" s="56"/>
      <c r="AF282" s="56"/>
      <c r="AG282" s="56"/>
      <c r="AH282" s="56"/>
      <c r="AI282" s="56"/>
      <c r="AJ282" s="56"/>
      <c r="AK282" s="56"/>
      <c r="AL282" s="56"/>
      <c r="AM282" s="56"/>
      <c r="AN282" s="56"/>
      <c r="AO282" s="56"/>
      <c r="AP282" s="56"/>
      <c r="AQ282" s="56"/>
      <c r="AR282" s="56"/>
      <c r="AS282" s="56"/>
      <c r="AT282" s="56"/>
      <c r="AU282" s="56"/>
      <c r="AV282" s="56"/>
      <c r="AW282" s="56"/>
      <c r="AX282" s="56"/>
      <c r="AY282" s="56"/>
      <c r="AZ282" s="56"/>
      <c r="BA282" s="56"/>
    </row>
    <row r="283" spans="1:53" ht="15.75" customHeight="1">
      <c r="A283" s="56"/>
      <c r="B283" s="56"/>
      <c r="C283" s="56"/>
      <c r="D283" s="56"/>
      <c r="E283" s="56"/>
      <c r="F283" s="56"/>
      <c r="G283" s="56"/>
      <c r="H283" s="56"/>
      <c r="I283" s="56"/>
      <c r="J283" s="56"/>
      <c r="K283" s="56"/>
      <c r="L283" s="56"/>
      <c r="M283" s="56"/>
      <c r="N283" s="56"/>
      <c r="O283" s="56"/>
      <c r="P283" s="56"/>
      <c r="Q283" s="15"/>
      <c r="R283" s="15"/>
      <c r="S283" s="15"/>
      <c r="T283" s="56"/>
      <c r="U283" s="56"/>
      <c r="V283" s="56"/>
      <c r="W283" s="56"/>
      <c r="X283" s="56"/>
      <c r="Y283" s="56"/>
      <c r="Z283" s="56"/>
      <c r="AA283" s="56"/>
      <c r="AB283" s="56"/>
      <c r="AC283" s="56"/>
      <c r="AD283" s="56"/>
      <c r="AE283" s="56"/>
      <c r="AF283" s="56"/>
      <c r="AG283" s="56"/>
      <c r="AH283" s="56"/>
      <c r="AI283" s="56"/>
      <c r="AJ283" s="56"/>
      <c r="AK283" s="56"/>
      <c r="AL283" s="56"/>
      <c r="AM283" s="56"/>
      <c r="AN283" s="56"/>
      <c r="AO283" s="56"/>
      <c r="AP283" s="56"/>
      <c r="AQ283" s="56"/>
      <c r="AR283" s="56"/>
      <c r="AS283" s="56"/>
      <c r="AT283" s="56"/>
      <c r="AU283" s="56"/>
      <c r="AV283" s="56"/>
      <c r="AW283" s="56"/>
      <c r="AX283" s="56"/>
      <c r="AY283" s="56"/>
      <c r="AZ283" s="56"/>
      <c r="BA283" s="56"/>
    </row>
    <row r="284" spans="1:53" ht="15.75" customHeight="1">
      <c r="A284" s="56"/>
      <c r="B284" s="56"/>
      <c r="C284" s="56"/>
      <c r="D284" s="56"/>
      <c r="E284" s="56"/>
      <c r="F284" s="56"/>
      <c r="G284" s="56"/>
      <c r="H284" s="56"/>
      <c r="I284" s="56"/>
      <c r="J284" s="56"/>
      <c r="K284" s="56"/>
      <c r="L284" s="56"/>
      <c r="M284" s="56"/>
      <c r="N284" s="56"/>
      <c r="O284" s="56"/>
      <c r="P284" s="56"/>
      <c r="Q284" s="15"/>
      <c r="R284" s="15"/>
      <c r="S284" s="15"/>
      <c r="T284" s="56"/>
      <c r="U284" s="56"/>
      <c r="V284" s="56"/>
      <c r="W284" s="56"/>
      <c r="X284" s="56"/>
      <c r="Y284" s="56"/>
      <c r="Z284" s="56"/>
      <c r="AA284" s="56"/>
      <c r="AB284" s="56"/>
      <c r="AC284" s="56"/>
      <c r="AD284" s="56"/>
      <c r="AE284" s="56"/>
      <c r="AF284" s="56"/>
      <c r="AG284" s="56"/>
      <c r="AH284" s="56"/>
      <c r="AI284" s="56"/>
      <c r="AJ284" s="56"/>
      <c r="AK284" s="56"/>
      <c r="AL284" s="56"/>
      <c r="AM284" s="56"/>
      <c r="AN284" s="56"/>
      <c r="AO284" s="56"/>
      <c r="AP284" s="56"/>
      <c r="AQ284" s="56"/>
      <c r="AR284" s="56"/>
      <c r="AS284" s="56"/>
      <c r="AT284" s="56"/>
      <c r="AU284" s="56"/>
      <c r="AV284" s="56"/>
      <c r="AW284" s="56"/>
      <c r="AX284" s="56"/>
      <c r="AY284" s="56"/>
      <c r="AZ284" s="56"/>
      <c r="BA284" s="56"/>
    </row>
    <row r="285" spans="1:53" ht="15.75" customHeight="1">
      <c r="A285" s="56"/>
      <c r="B285" s="56"/>
      <c r="C285" s="56"/>
      <c r="D285" s="56"/>
      <c r="E285" s="56"/>
      <c r="F285" s="56"/>
      <c r="G285" s="56"/>
      <c r="H285" s="56"/>
      <c r="I285" s="56"/>
      <c r="J285" s="56"/>
      <c r="K285" s="56"/>
      <c r="L285" s="56"/>
      <c r="M285" s="56"/>
      <c r="N285" s="56"/>
      <c r="O285" s="56"/>
      <c r="P285" s="56"/>
      <c r="Q285" s="15"/>
      <c r="R285" s="15"/>
      <c r="S285" s="15"/>
      <c r="T285" s="56"/>
      <c r="U285" s="56"/>
      <c r="V285" s="56"/>
      <c r="W285" s="56"/>
      <c r="X285" s="56"/>
      <c r="Y285" s="56"/>
      <c r="Z285" s="56"/>
      <c r="AA285" s="56"/>
      <c r="AB285" s="56"/>
      <c r="AC285" s="56"/>
      <c r="AD285" s="56"/>
      <c r="AE285" s="56"/>
      <c r="AF285" s="56"/>
      <c r="AG285" s="56"/>
      <c r="AH285" s="56"/>
      <c r="AI285" s="56"/>
      <c r="AJ285" s="56"/>
      <c r="AK285" s="56"/>
      <c r="AL285" s="56"/>
      <c r="AM285" s="56"/>
      <c r="AN285" s="56"/>
      <c r="AO285" s="56"/>
      <c r="AP285" s="56"/>
      <c r="AQ285" s="56"/>
      <c r="AR285" s="56"/>
      <c r="AS285" s="56"/>
      <c r="AT285" s="56"/>
      <c r="AU285" s="56"/>
      <c r="AV285" s="56"/>
      <c r="AW285" s="56"/>
      <c r="AX285" s="56"/>
      <c r="AY285" s="56"/>
      <c r="AZ285" s="56"/>
      <c r="BA285" s="56"/>
    </row>
    <row r="286" spans="1:53" ht="15.75" customHeight="1">
      <c r="A286" s="56"/>
      <c r="B286" s="56"/>
      <c r="C286" s="56"/>
      <c r="D286" s="56"/>
      <c r="E286" s="56"/>
      <c r="F286" s="56"/>
      <c r="G286" s="56"/>
      <c r="H286" s="56"/>
      <c r="I286" s="56"/>
      <c r="J286" s="56"/>
      <c r="K286" s="56"/>
      <c r="L286" s="56"/>
      <c r="M286" s="56"/>
      <c r="N286" s="56"/>
      <c r="O286" s="56"/>
      <c r="P286" s="56"/>
      <c r="Q286" s="15"/>
      <c r="R286" s="15"/>
      <c r="S286" s="15"/>
      <c r="T286" s="56"/>
      <c r="U286" s="56"/>
      <c r="V286" s="56"/>
      <c r="W286" s="56"/>
      <c r="X286" s="56"/>
      <c r="Y286" s="56"/>
      <c r="Z286" s="56"/>
      <c r="AA286" s="56"/>
      <c r="AB286" s="56"/>
      <c r="AC286" s="56"/>
      <c r="AD286" s="56"/>
      <c r="AE286" s="56"/>
      <c r="AF286" s="56"/>
      <c r="AG286" s="56"/>
      <c r="AH286" s="56"/>
      <c r="AI286" s="56"/>
      <c r="AJ286" s="56"/>
      <c r="AK286" s="56"/>
      <c r="AL286" s="56"/>
      <c r="AM286" s="56"/>
      <c r="AN286" s="56"/>
      <c r="AO286" s="56"/>
      <c r="AP286" s="56"/>
      <c r="AQ286" s="56"/>
      <c r="AR286" s="56"/>
      <c r="AS286" s="56"/>
      <c r="AT286" s="56"/>
      <c r="AU286" s="56"/>
      <c r="AV286" s="56"/>
      <c r="AW286" s="56"/>
      <c r="AX286" s="56"/>
      <c r="AY286" s="56"/>
      <c r="AZ286" s="56"/>
      <c r="BA286" s="56"/>
    </row>
    <row r="287" spans="1:53" ht="15.75" customHeight="1">
      <c r="A287" s="56"/>
      <c r="B287" s="56"/>
      <c r="C287" s="56"/>
      <c r="D287" s="56"/>
      <c r="E287" s="56"/>
      <c r="F287" s="56"/>
      <c r="G287" s="56"/>
      <c r="H287" s="56"/>
      <c r="I287" s="56"/>
      <c r="J287" s="56"/>
      <c r="K287" s="56"/>
      <c r="L287" s="56"/>
      <c r="M287" s="56"/>
      <c r="N287" s="56"/>
      <c r="O287" s="56"/>
      <c r="P287" s="56"/>
      <c r="Q287" s="15"/>
      <c r="R287" s="15"/>
      <c r="S287" s="15"/>
      <c r="T287" s="56"/>
      <c r="U287" s="56"/>
      <c r="V287" s="56"/>
      <c r="W287" s="56"/>
      <c r="X287" s="56"/>
      <c r="Y287" s="56"/>
      <c r="Z287" s="56"/>
      <c r="AA287" s="56"/>
      <c r="AB287" s="56"/>
      <c r="AC287" s="56"/>
      <c r="AD287" s="56"/>
      <c r="AE287" s="56"/>
      <c r="AF287" s="56"/>
      <c r="AG287" s="56"/>
      <c r="AH287" s="56"/>
      <c r="AI287" s="56"/>
      <c r="AJ287" s="56"/>
      <c r="AK287" s="56"/>
      <c r="AL287" s="56"/>
      <c r="AM287" s="56"/>
      <c r="AN287" s="56"/>
      <c r="AO287" s="56"/>
      <c r="AP287" s="56"/>
      <c r="AQ287" s="56"/>
      <c r="AR287" s="56"/>
      <c r="AS287" s="56"/>
      <c r="AT287" s="56"/>
      <c r="AU287" s="56"/>
      <c r="AV287" s="56"/>
      <c r="AW287" s="56"/>
      <c r="AX287" s="56"/>
      <c r="AY287" s="56"/>
      <c r="AZ287" s="56"/>
      <c r="BA287" s="56"/>
    </row>
    <row r="288" spans="1:53" ht="15.75" customHeight="1">
      <c r="A288" s="56"/>
      <c r="B288" s="56"/>
      <c r="C288" s="56"/>
      <c r="D288" s="56"/>
      <c r="E288" s="56"/>
      <c r="F288" s="56"/>
      <c r="G288" s="56"/>
      <c r="H288" s="56"/>
      <c r="I288" s="56"/>
      <c r="J288" s="56"/>
      <c r="K288" s="56"/>
      <c r="L288" s="56"/>
      <c r="M288" s="56"/>
      <c r="N288" s="56"/>
      <c r="O288" s="56"/>
      <c r="P288" s="56"/>
      <c r="Q288" s="15"/>
      <c r="R288" s="15"/>
      <c r="S288" s="15"/>
      <c r="T288" s="56"/>
      <c r="U288" s="56"/>
      <c r="V288" s="56"/>
      <c r="W288" s="56"/>
      <c r="X288" s="56"/>
      <c r="Y288" s="56"/>
      <c r="Z288" s="56"/>
      <c r="AA288" s="56"/>
      <c r="AB288" s="56"/>
      <c r="AC288" s="56"/>
      <c r="AD288" s="56"/>
      <c r="AE288" s="56"/>
      <c r="AF288" s="56"/>
      <c r="AG288" s="56"/>
      <c r="AH288" s="56"/>
      <c r="AI288" s="56"/>
      <c r="AJ288" s="56"/>
      <c r="AK288" s="56"/>
      <c r="AL288" s="56"/>
      <c r="AM288" s="56"/>
      <c r="AN288" s="56"/>
      <c r="AO288" s="56"/>
      <c r="AP288" s="56"/>
      <c r="AQ288" s="56"/>
      <c r="AR288" s="56"/>
      <c r="AS288" s="56"/>
      <c r="AT288" s="56"/>
      <c r="AU288" s="56"/>
      <c r="AV288" s="56"/>
      <c r="AW288" s="56"/>
      <c r="AX288" s="56"/>
      <c r="AY288" s="56"/>
      <c r="AZ288" s="56"/>
      <c r="BA288" s="56"/>
    </row>
    <row r="289" spans="1:53" ht="15.75" customHeight="1">
      <c r="A289" s="56"/>
      <c r="B289" s="56"/>
      <c r="C289" s="56"/>
      <c r="D289" s="56"/>
      <c r="E289" s="56"/>
      <c r="F289" s="56"/>
      <c r="G289" s="56"/>
      <c r="H289" s="56"/>
      <c r="I289" s="56"/>
      <c r="J289" s="56"/>
      <c r="K289" s="56"/>
      <c r="L289" s="56"/>
      <c r="M289" s="56"/>
      <c r="N289" s="56"/>
      <c r="O289" s="56"/>
      <c r="P289" s="56"/>
      <c r="Q289" s="15"/>
      <c r="R289" s="15"/>
      <c r="S289" s="15"/>
      <c r="T289" s="56"/>
      <c r="U289" s="56"/>
      <c r="V289" s="56"/>
      <c r="W289" s="56"/>
      <c r="X289" s="56"/>
      <c r="Y289" s="56"/>
      <c r="Z289" s="56"/>
      <c r="AA289" s="56"/>
      <c r="AB289" s="56"/>
      <c r="AC289" s="56"/>
      <c r="AD289" s="56"/>
      <c r="AE289" s="56"/>
      <c r="AF289" s="56"/>
      <c r="AG289" s="56"/>
      <c r="AH289" s="56"/>
      <c r="AI289" s="56"/>
      <c r="AJ289" s="56"/>
      <c r="AK289" s="56"/>
      <c r="AL289" s="56"/>
      <c r="AM289" s="56"/>
      <c r="AN289" s="56"/>
      <c r="AO289" s="56"/>
      <c r="AP289" s="56"/>
      <c r="AQ289" s="56"/>
      <c r="AR289" s="56"/>
      <c r="AS289" s="56"/>
      <c r="AT289" s="56"/>
      <c r="AU289" s="56"/>
      <c r="AV289" s="56"/>
      <c r="AW289" s="56"/>
      <c r="AX289" s="56"/>
      <c r="AY289" s="56"/>
      <c r="AZ289" s="56"/>
      <c r="BA289" s="56"/>
    </row>
    <row r="290" spans="1:53" ht="15.75" customHeight="1">
      <c r="A290" s="56"/>
      <c r="B290" s="56"/>
      <c r="C290" s="56"/>
      <c r="D290" s="56"/>
      <c r="E290" s="56"/>
      <c r="F290" s="56"/>
      <c r="G290" s="56"/>
      <c r="H290" s="56"/>
      <c r="I290" s="56"/>
      <c r="J290" s="56"/>
      <c r="K290" s="56"/>
      <c r="L290" s="56"/>
      <c r="M290" s="56"/>
      <c r="N290" s="56"/>
      <c r="O290" s="56"/>
      <c r="P290" s="56"/>
      <c r="Q290" s="15"/>
      <c r="R290" s="15"/>
      <c r="S290" s="15"/>
      <c r="T290" s="56"/>
      <c r="U290" s="56"/>
      <c r="V290" s="56"/>
      <c r="W290" s="56"/>
      <c r="X290" s="56"/>
      <c r="Y290" s="56"/>
      <c r="Z290" s="56"/>
      <c r="AA290" s="56"/>
      <c r="AB290" s="56"/>
      <c r="AC290" s="56"/>
      <c r="AD290" s="56"/>
      <c r="AE290" s="56"/>
      <c r="AF290" s="56"/>
      <c r="AG290" s="56"/>
      <c r="AH290" s="56"/>
      <c r="AI290" s="56"/>
      <c r="AJ290" s="56"/>
      <c r="AK290" s="56"/>
      <c r="AL290" s="56"/>
      <c r="AM290" s="56"/>
      <c r="AN290" s="56"/>
      <c r="AO290" s="56"/>
      <c r="AP290" s="56"/>
      <c r="AQ290" s="56"/>
      <c r="AR290" s="56"/>
      <c r="AS290" s="56"/>
      <c r="AT290" s="56"/>
      <c r="AU290" s="56"/>
      <c r="AV290" s="56"/>
      <c r="AW290" s="56"/>
      <c r="AX290" s="56"/>
      <c r="AY290" s="56"/>
      <c r="AZ290" s="56"/>
      <c r="BA290" s="56"/>
    </row>
    <row r="291" spans="1:53" ht="15.75" customHeight="1">
      <c r="A291" s="56"/>
      <c r="B291" s="56"/>
      <c r="C291" s="56"/>
      <c r="D291" s="56"/>
      <c r="E291" s="56"/>
      <c r="F291" s="56"/>
      <c r="G291" s="56"/>
      <c r="H291" s="56"/>
      <c r="I291" s="56"/>
      <c r="J291" s="56"/>
      <c r="K291" s="56"/>
      <c r="L291" s="56"/>
      <c r="M291" s="56"/>
      <c r="N291" s="56"/>
      <c r="O291" s="56"/>
      <c r="P291" s="56"/>
      <c r="Q291" s="15"/>
      <c r="R291" s="15"/>
      <c r="S291" s="15"/>
      <c r="T291" s="56"/>
      <c r="U291" s="56"/>
      <c r="V291" s="56"/>
      <c r="W291" s="56"/>
      <c r="X291" s="56"/>
      <c r="Y291" s="56"/>
      <c r="Z291" s="56"/>
      <c r="AA291" s="56"/>
      <c r="AB291" s="56"/>
      <c r="AC291" s="56"/>
      <c r="AD291" s="56"/>
      <c r="AE291" s="56"/>
      <c r="AF291" s="56"/>
      <c r="AG291" s="56"/>
      <c r="AH291" s="56"/>
      <c r="AI291" s="56"/>
      <c r="AJ291" s="56"/>
      <c r="AK291" s="56"/>
      <c r="AL291" s="56"/>
      <c r="AM291" s="56"/>
      <c r="AN291" s="56"/>
      <c r="AO291" s="56"/>
      <c r="AP291" s="56"/>
      <c r="AQ291" s="56"/>
      <c r="AR291" s="56"/>
      <c r="AS291" s="56"/>
      <c r="AT291" s="56"/>
      <c r="AU291" s="56"/>
      <c r="AV291" s="56"/>
      <c r="AW291" s="56"/>
      <c r="AX291" s="56"/>
      <c r="AY291" s="56"/>
      <c r="AZ291" s="56"/>
      <c r="BA291" s="56"/>
    </row>
    <row r="292" spans="1:53" ht="15.75" customHeight="1">
      <c r="A292" s="56"/>
      <c r="B292" s="56"/>
      <c r="C292" s="56"/>
      <c r="D292" s="56"/>
      <c r="E292" s="56"/>
      <c r="F292" s="56"/>
      <c r="G292" s="56"/>
      <c r="H292" s="56"/>
      <c r="I292" s="56"/>
      <c r="J292" s="56"/>
      <c r="K292" s="56"/>
      <c r="L292" s="56"/>
      <c r="M292" s="56"/>
      <c r="N292" s="56"/>
      <c r="O292" s="56"/>
      <c r="P292" s="56"/>
      <c r="Q292" s="15"/>
      <c r="R292" s="15"/>
      <c r="S292" s="15"/>
      <c r="T292" s="56"/>
      <c r="U292" s="56"/>
      <c r="V292" s="56"/>
      <c r="W292" s="56"/>
      <c r="X292" s="56"/>
      <c r="Y292" s="56"/>
      <c r="Z292" s="56"/>
      <c r="AA292" s="56"/>
      <c r="AB292" s="56"/>
      <c r="AC292" s="56"/>
      <c r="AD292" s="56"/>
      <c r="AE292" s="56"/>
      <c r="AF292" s="56"/>
      <c r="AG292" s="56"/>
      <c r="AH292" s="56"/>
      <c r="AI292" s="56"/>
      <c r="AJ292" s="56"/>
      <c r="AK292" s="56"/>
      <c r="AL292" s="56"/>
      <c r="AM292" s="56"/>
      <c r="AN292" s="56"/>
      <c r="AO292" s="56"/>
      <c r="AP292" s="56"/>
      <c r="AQ292" s="56"/>
      <c r="AR292" s="56"/>
      <c r="AS292" s="56"/>
      <c r="AT292" s="56"/>
      <c r="AU292" s="56"/>
      <c r="AV292" s="56"/>
      <c r="AW292" s="56"/>
      <c r="AX292" s="56"/>
      <c r="AY292" s="56"/>
      <c r="AZ292" s="56"/>
      <c r="BA292" s="56"/>
    </row>
    <row r="293" spans="1:53" ht="15.75" customHeight="1">
      <c r="A293" s="56"/>
      <c r="B293" s="56"/>
      <c r="C293" s="56"/>
      <c r="D293" s="56"/>
      <c r="E293" s="56"/>
      <c r="F293" s="56"/>
      <c r="G293" s="56"/>
      <c r="H293" s="56"/>
      <c r="I293" s="56"/>
      <c r="J293" s="56"/>
      <c r="K293" s="56"/>
      <c r="L293" s="56"/>
      <c r="M293" s="56"/>
      <c r="N293" s="56"/>
      <c r="O293" s="56"/>
      <c r="P293" s="56"/>
      <c r="Q293" s="15"/>
      <c r="R293" s="15"/>
      <c r="S293" s="15"/>
      <c r="T293" s="56"/>
      <c r="U293" s="56"/>
      <c r="V293" s="56"/>
      <c r="W293" s="56"/>
      <c r="X293" s="56"/>
      <c r="Y293" s="56"/>
      <c r="Z293" s="56"/>
      <c r="AA293" s="56"/>
      <c r="AB293" s="56"/>
      <c r="AC293" s="56"/>
      <c r="AD293" s="56"/>
      <c r="AE293" s="56"/>
      <c r="AF293" s="56"/>
      <c r="AG293" s="56"/>
      <c r="AH293" s="56"/>
      <c r="AI293" s="56"/>
      <c r="AJ293" s="56"/>
      <c r="AK293" s="56"/>
      <c r="AL293" s="56"/>
      <c r="AM293" s="56"/>
      <c r="AN293" s="56"/>
      <c r="AO293" s="56"/>
      <c r="AP293" s="56"/>
      <c r="AQ293" s="56"/>
      <c r="AR293" s="56"/>
      <c r="AS293" s="56"/>
      <c r="AT293" s="56"/>
      <c r="AU293" s="56"/>
      <c r="AV293" s="56"/>
      <c r="AW293" s="56"/>
      <c r="AX293" s="56"/>
      <c r="AY293" s="56"/>
      <c r="AZ293" s="56"/>
      <c r="BA293" s="56"/>
    </row>
    <row r="294" spans="1:53" ht="15.75" customHeight="1">
      <c r="A294" s="56"/>
      <c r="B294" s="56"/>
      <c r="C294" s="56"/>
      <c r="D294" s="56"/>
      <c r="E294" s="56"/>
      <c r="F294" s="56"/>
      <c r="G294" s="56"/>
      <c r="H294" s="56"/>
      <c r="I294" s="56"/>
      <c r="J294" s="56"/>
      <c r="K294" s="56"/>
      <c r="L294" s="56"/>
      <c r="M294" s="56"/>
      <c r="N294" s="56"/>
      <c r="O294" s="56"/>
      <c r="P294" s="56"/>
      <c r="Q294" s="15"/>
      <c r="R294" s="15"/>
      <c r="S294" s="15"/>
      <c r="T294" s="56"/>
      <c r="U294" s="56"/>
      <c r="V294" s="56"/>
      <c r="W294" s="56"/>
      <c r="X294" s="56"/>
      <c r="Y294" s="56"/>
      <c r="Z294" s="56"/>
      <c r="AA294" s="56"/>
      <c r="AB294" s="56"/>
      <c r="AC294" s="56"/>
      <c r="AD294" s="56"/>
      <c r="AE294" s="56"/>
      <c r="AF294" s="56"/>
      <c r="AG294" s="56"/>
      <c r="AH294" s="56"/>
      <c r="AI294" s="56"/>
      <c r="AJ294" s="56"/>
      <c r="AK294" s="56"/>
      <c r="AL294" s="56"/>
      <c r="AM294" s="56"/>
      <c r="AN294" s="56"/>
      <c r="AO294" s="56"/>
      <c r="AP294" s="56"/>
      <c r="AQ294" s="56"/>
      <c r="AR294" s="56"/>
      <c r="AS294" s="56"/>
      <c r="AT294" s="56"/>
      <c r="AU294" s="56"/>
      <c r="AV294" s="56"/>
      <c r="AW294" s="56"/>
      <c r="AX294" s="56"/>
      <c r="AY294" s="56"/>
      <c r="AZ294" s="56"/>
      <c r="BA294" s="56"/>
    </row>
    <row r="295" spans="1:53" ht="15.75" customHeight="1">
      <c r="A295" s="56"/>
      <c r="B295" s="56"/>
      <c r="C295" s="56"/>
      <c r="D295" s="56"/>
      <c r="E295" s="56"/>
      <c r="F295" s="56"/>
      <c r="G295" s="56"/>
      <c r="H295" s="56"/>
      <c r="I295" s="56"/>
      <c r="J295" s="56"/>
      <c r="K295" s="56"/>
      <c r="L295" s="56"/>
      <c r="M295" s="56"/>
      <c r="N295" s="56"/>
      <c r="O295" s="56"/>
      <c r="P295" s="56"/>
      <c r="Q295" s="15"/>
      <c r="R295" s="15"/>
      <c r="S295" s="15"/>
      <c r="T295" s="56"/>
      <c r="U295" s="56"/>
      <c r="V295" s="56"/>
      <c r="W295" s="56"/>
      <c r="X295" s="56"/>
      <c r="Y295" s="56"/>
      <c r="Z295" s="56"/>
      <c r="AA295" s="56"/>
      <c r="AB295" s="56"/>
      <c r="AC295" s="56"/>
      <c r="AD295" s="56"/>
      <c r="AE295" s="56"/>
      <c r="AF295" s="56"/>
      <c r="AG295" s="56"/>
      <c r="AH295" s="56"/>
      <c r="AI295" s="56"/>
      <c r="AJ295" s="56"/>
      <c r="AK295" s="56"/>
      <c r="AL295" s="56"/>
      <c r="AM295" s="56"/>
      <c r="AN295" s="56"/>
      <c r="AO295" s="56"/>
      <c r="AP295" s="56"/>
      <c r="AQ295" s="56"/>
      <c r="AR295" s="56"/>
      <c r="AS295" s="56"/>
      <c r="AT295" s="56"/>
      <c r="AU295" s="56"/>
      <c r="AV295" s="56"/>
      <c r="AW295" s="56"/>
      <c r="AX295" s="56"/>
      <c r="AY295" s="56"/>
      <c r="AZ295" s="56"/>
      <c r="BA295" s="56"/>
    </row>
    <row r="296" spans="1:53" ht="15.75" customHeight="1">
      <c r="A296" s="56"/>
      <c r="B296" s="56"/>
      <c r="C296" s="56"/>
      <c r="D296" s="56"/>
      <c r="E296" s="56"/>
      <c r="F296" s="56"/>
      <c r="G296" s="56"/>
      <c r="H296" s="56"/>
      <c r="I296" s="56"/>
      <c r="J296" s="56"/>
      <c r="K296" s="56"/>
      <c r="L296" s="56"/>
      <c r="M296" s="56"/>
      <c r="N296" s="56"/>
      <c r="O296" s="56"/>
      <c r="P296" s="56"/>
      <c r="Q296" s="15"/>
      <c r="R296" s="15"/>
      <c r="S296" s="15"/>
      <c r="T296" s="56"/>
      <c r="U296" s="56"/>
      <c r="V296" s="56"/>
      <c r="W296" s="56"/>
      <c r="X296" s="56"/>
      <c r="Y296" s="56"/>
      <c r="Z296" s="56"/>
      <c r="AA296" s="56"/>
      <c r="AB296" s="56"/>
      <c r="AC296" s="56"/>
      <c r="AD296" s="56"/>
      <c r="AE296" s="56"/>
      <c r="AF296" s="56"/>
      <c r="AG296" s="56"/>
      <c r="AH296" s="56"/>
      <c r="AI296" s="56"/>
      <c r="AJ296" s="56"/>
      <c r="AK296" s="56"/>
      <c r="AL296" s="56"/>
      <c r="AM296" s="56"/>
      <c r="AN296" s="56"/>
      <c r="AO296" s="56"/>
      <c r="AP296" s="56"/>
      <c r="AQ296" s="56"/>
      <c r="AR296" s="56"/>
      <c r="AS296" s="56"/>
      <c r="AT296" s="56"/>
      <c r="AU296" s="56"/>
      <c r="AV296" s="56"/>
      <c r="AW296" s="56"/>
      <c r="AX296" s="56"/>
      <c r="AY296" s="56"/>
      <c r="AZ296" s="56"/>
      <c r="BA296" s="56"/>
    </row>
    <row r="297" spans="1:53" ht="15.75" customHeight="1">
      <c r="A297" s="56"/>
      <c r="B297" s="56"/>
      <c r="C297" s="56"/>
      <c r="D297" s="56"/>
      <c r="E297" s="56"/>
      <c r="F297" s="56"/>
      <c r="G297" s="56"/>
      <c r="H297" s="56"/>
      <c r="I297" s="56"/>
      <c r="J297" s="56"/>
      <c r="K297" s="56"/>
      <c r="L297" s="56"/>
      <c r="M297" s="56"/>
      <c r="N297" s="56"/>
      <c r="O297" s="56"/>
      <c r="P297" s="56"/>
      <c r="Q297" s="15"/>
      <c r="R297" s="15"/>
      <c r="S297" s="15"/>
      <c r="T297" s="56"/>
      <c r="U297" s="56"/>
      <c r="V297" s="56"/>
      <c r="W297" s="56"/>
      <c r="X297" s="56"/>
      <c r="Y297" s="56"/>
      <c r="Z297" s="56"/>
      <c r="AA297" s="56"/>
      <c r="AB297" s="56"/>
      <c r="AC297" s="56"/>
      <c r="AD297" s="56"/>
      <c r="AE297" s="56"/>
      <c r="AF297" s="56"/>
      <c r="AG297" s="56"/>
      <c r="AH297" s="56"/>
      <c r="AI297" s="56"/>
      <c r="AJ297" s="56"/>
      <c r="AK297" s="56"/>
      <c r="AL297" s="56"/>
      <c r="AM297" s="56"/>
      <c r="AN297" s="56"/>
      <c r="AO297" s="56"/>
      <c r="AP297" s="56"/>
      <c r="AQ297" s="56"/>
      <c r="AR297" s="56"/>
      <c r="AS297" s="56"/>
      <c r="AT297" s="56"/>
      <c r="AU297" s="56"/>
      <c r="AV297" s="56"/>
      <c r="AW297" s="56"/>
      <c r="AX297" s="56"/>
      <c r="AY297" s="56"/>
      <c r="AZ297" s="56"/>
      <c r="BA297" s="56"/>
    </row>
    <row r="298" spans="1:53" ht="15.75" customHeight="1">
      <c r="A298" s="56"/>
      <c r="B298" s="56"/>
      <c r="C298" s="56"/>
      <c r="D298" s="56"/>
      <c r="E298" s="56"/>
      <c r="F298" s="56"/>
      <c r="G298" s="56"/>
      <c r="H298" s="56"/>
      <c r="I298" s="56"/>
      <c r="J298" s="56"/>
      <c r="K298" s="56"/>
      <c r="L298" s="56"/>
      <c r="M298" s="56"/>
      <c r="N298" s="56"/>
      <c r="O298" s="56"/>
      <c r="P298" s="56"/>
      <c r="Q298" s="15"/>
      <c r="R298" s="15"/>
      <c r="S298" s="15"/>
      <c r="T298" s="56"/>
      <c r="U298" s="56"/>
      <c r="V298" s="56"/>
      <c r="W298" s="56"/>
      <c r="X298" s="56"/>
      <c r="Y298" s="56"/>
      <c r="Z298" s="56"/>
      <c r="AA298" s="56"/>
      <c r="AB298" s="56"/>
      <c r="AC298" s="56"/>
      <c r="AD298" s="56"/>
      <c r="AE298" s="56"/>
      <c r="AF298" s="56"/>
      <c r="AG298" s="56"/>
      <c r="AH298" s="56"/>
      <c r="AI298" s="56"/>
      <c r="AJ298" s="56"/>
      <c r="AK298" s="56"/>
      <c r="AL298" s="56"/>
      <c r="AM298" s="56"/>
      <c r="AN298" s="56"/>
      <c r="AO298" s="56"/>
      <c r="AP298" s="56"/>
      <c r="AQ298" s="56"/>
      <c r="AR298" s="56"/>
      <c r="AS298" s="56"/>
      <c r="AT298" s="56"/>
      <c r="AU298" s="56"/>
      <c r="AV298" s="56"/>
      <c r="AW298" s="56"/>
      <c r="AX298" s="56"/>
      <c r="AY298" s="56"/>
      <c r="AZ298" s="56"/>
      <c r="BA298" s="56"/>
    </row>
    <row r="299" spans="1:53" ht="15.75" customHeight="1">
      <c r="A299" s="56"/>
      <c r="B299" s="56"/>
      <c r="C299" s="56"/>
      <c r="D299" s="56"/>
      <c r="E299" s="56"/>
      <c r="F299" s="56"/>
      <c r="G299" s="56"/>
      <c r="H299" s="56"/>
      <c r="I299" s="56"/>
      <c r="J299" s="56"/>
      <c r="K299" s="56"/>
      <c r="L299" s="56"/>
      <c r="M299" s="56"/>
      <c r="N299" s="56"/>
      <c r="O299" s="56"/>
      <c r="P299" s="56"/>
      <c r="Q299" s="15"/>
      <c r="R299" s="15"/>
      <c r="S299" s="15"/>
      <c r="T299" s="56"/>
      <c r="U299" s="56"/>
      <c r="V299" s="56"/>
      <c r="W299" s="56"/>
      <c r="X299" s="56"/>
      <c r="Y299" s="56"/>
      <c r="Z299" s="56"/>
      <c r="AA299" s="56"/>
      <c r="AB299" s="56"/>
      <c r="AC299" s="56"/>
      <c r="AD299" s="56"/>
      <c r="AE299" s="56"/>
      <c r="AF299" s="56"/>
      <c r="AG299" s="56"/>
      <c r="AH299" s="56"/>
      <c r="AI299" s="56"/>
      <c r="AJ299" s="56"/>
      <c r="AK299" s="56"/>
      <c r="AL299" s="56"/>
      <c r="AM299" s="56"/>
      <c r="AN299" s="56"/>
      <c r="AO299" s="56"/>
      <c r="AP299" s="56"/>
      <c r="AQ299" s="56"/>
      <c r="AR299" s="56"/>
      <c r="AS299" s="56"/>
      <c r="AT299" s="56"/>
      <c r="AU299" s="56"/>
      <c r="AV299" s="56"/>
      <c r="AW299" s="56"/>
      <c r="AX299" s="56"/>
      <c r="AY299" s="56"/>
      <c r="AZ299" s="56"/>
      <c r="BA299" s="56"/>
    </row>
    <row r="300" spans="1:53" ht="15.75" customHeight="1">
      <c r="A300" s="56"/>
      <c r="B300" s="56"/>
      <c r="C300" s="56"/>
      <c r="D300" s="56"/>
      <c r="E300" s="56"/>
      <c r="F300" s="56"/>
      <c r="G300" s="56"/>
      <c r="H300" s="56"/>
      <c r="I300" s="56"/>
      <c r="J300" s="56"/>
      <c r="K300" s="56"/>
      <c r="L300" s="56"/>
      <c r="M300" s="56"/>
      <c r="N300" s="56"/>
      <c r="O300" s="56"/>
      <c r="P300" s="56"/>
      <c r="Q300" s="15"/>
      <c r="R300" s="15"/>
      <c r="S300" s="15"/>
      <c r="T300" s="56"/>
      <c r="U300" s="56"/>
      <c r="V300" s="56"/>
      <c r="W300" s="56"/>
      <c r="X300" s="56"/>
      <c r="Y300" s="56"/>
      <c r="Z300" s="56"/>
      <c r="AA300" s="56"/>
      <c r="AB300" s="56"/>
      <c r="AC300" s="56"/>
      <c r="AD300" s="56"/>
      <c r="AE300" s="56"/>
      <c r="AF300" s="56"/>
      <c r="AG300" s="56"/>
      <c r="AH300" s="56"/>
      <c r="AI300" s="56"/>
      <c r="AJ300" s="56"/>
      <c r="AK300" s="56"/>
      <c r="AL300" s="56"/>
      <c r="AM300" s="56"/>
      <c r="AN300" s="56"/>
      <c r="AO300" s="56"/>
      <c r="AP300" s="56"/>
      <c r="AQ300" s="56"/>
      <c r="AR300" s="56"/>
      <c r="AS300" s="56"/>
      <c r="AT300" s="56"/>
      <c r="AU300" s="56"/>
      <c r="AV300" s="56"/>
      <c r="AW300" s="56"/>
      <c r="AX300" s="56"/>
      <c r="AY300" s="56"/>
      <c r="AZ300" s="56"/>
      <c r="BA300" s="56"/>
    </row>
    <row r="301" spans="1:53" ht="15.75" customHeight="1">
      <c r="A301" s="56"/>
      <c r="B301" s="56"/>
      <c r="C301" s="56"/>
      <c r="D301" s="56"/>
      <c r="E301" s="56"/>
      <c r="F301" s="56"/>
      <c r="G301" s="56"/>
      <c r="H301" s="56"/>
      <c r="I301" s="56"/>
      <c r="J301" s="56"/>
      <c r="K301" s="56"/>
      <c r="L301" s="56"/>
      <c r="M301" s="56"/>
      <c r="N301" s="56"/>
      <c r="O301" s="56"/>
      <c r="P301" s="56"/>
      <c r="Q301" s="15"/>
      <c r="R301" s="15"/>
      <c r="S301" s="15"/>
      <c r="T301" s="56"/>
      <c r="U301" s="56"/>
      <c r="V301" s="56"/>
      <c r="W301" s="56"/>
      <c r="X301" s="56"/>
      <c r="Y301" s="56"/>
      <c r="Z301" s="56"/>
      <c r="AA301" s="56"/>
      <c r="AB301" s="56"/>
      <c r="AC301" s="56"/>
      <c r="AD301" s="56"/>
      <c r="AE301" s="56"/>
      <c r="AF301" s="56"/>
      <c r="AG301" s="56"/>
      <c r="AH301" s="56"/>
      <c r="AI301" s="56"/>
      <c r="AJ301" s="56"/>
      <c r="AK301" s="56"/>
      <c r="AL301" s="56"/>
      <c r="AM301" s="56"/>
      <c r="AN301" s="56"/>
      <c r="AO301" s="56"/>
      <c r="AP301" s="56"/>
      <c r="AQ301" s="56"/>
      <c r="AR301" s="56"/>
      <c r="AS301" s="56"/>
      <c r="AT301" s="56"/>
      <c r="AU301" s="56"/>
      <c r="AV301" s="56"/>
      <c r="AW301" s="56"/>
      <c r="AX301" s="56"/>
      <c r="AY301" s="56"/>
      <c r="AZ301" s="56"/>
      <c r="BA301" s="56"/>
    </row>
    <row r="302" spans="1:53" ht="15.75" customHeight="1">
      <c r="A302" s="56"/>
      <c r="B302" s="56"/>
      <c r="C302" s="56"/>
      <c r="D302" s="56"/>
      <c r="E302" s="56"/>
      <c r="F302" s="56"/>
      <c r="G302" s="56"/>
      <c r="H302" s="56"/>
      <c r="I302" s="56"/>
      <c r="J302" s="56"/>
      <c r="K302" s="56"/>
      <c r="L302" s="56"/>
      <c r="M302" s="56"/>
      <c r="N302" s="56"/>
      <c r="O302" s="56"/>
      <c r="P302" s="56"/>
      <c r="Q302" s="15"/>
      <c r="R302" s="15"/>
      <c r="S302" s="15"/>
      <c r="T302" s="56"/>
      <c r="U302" s="56"/>
      <c r="V302" s="56"/>
      <c r="W302" s="56"/>
      <c r="X302" s="56"/>
      <c r="Y302" s="56"/>
      <c r="Z302" s="56"/>
      <c r="AA302" s="56"/>
      <c r="AB302" s="56"/>
      <c r="AC302" s="56"/>
      <c r="AD302" s="56"/>
      <c r="AE302" s="56"/>
      <c r="AF302" s="56"/>
      <c r="AG302" s="56"/>
      <c r="AH302" s="56"/>
      <c r="AI302" s="56"/>
      <c r="AJ302" s="56"/>
      <c r="AK302" s="56"/>
      <c r="AL302" s="56"/>
      <c r="AM302" s="56"/>
      <c r="AN302" s="56"/>
      <c r="AO302" s="56"/>
      <c r="AP302" s="56"/>
      <c r="AQ302" s="56"/>
      <c r="AR302" s="56"/>
      <c r="AS302" s="56"/>
      <c r="AT302" s="56"/>
      <c r="AU302" s="56"/>
      <c r="AV302" s="56"/>
      <c r="AW302" s="56"/>
      <c r="AX302" s="56"/>
      <c r="AY302" s="56"/>
      <c r="AZ302" s="56"/>
      <c r="BA302" s="56"/>
    </row>
    <row r="303" spans="1:53" ht="15.75" customHeight="1">
      <c r="A303" s="56"/>
      <c r="B303" s="56"/>
      <c r="C303" s="56"/>
      <c r="D303" s="56"/>
      <c r="E303" s="56"/>
      <c r="F303" s="56"/>
      <c r="G303" s="56"/>
      <c r="H303" s="56"/>
      <c r="I303" s="56"/>
      <c r="J303" s="56"/>
      <c r="K303" s="56"/>
      <c r="L303" s="56"/>
      <c r="M303" s="56"/>
      <c r="N303" s="56"/>
      <c r="O303" s="56"/>
      <c r="P303" s="56"/>
      <c r="Q303" s="15"/>
      <c r="R303" s="15"/>
      <c r="S303" s="15"/>
      <c r="T303" s="56"/>
      <c r="U303" s="56"/>
      <c r="V303" s="56"/>
      <c r="W303" s="56"/>
      <c r="X303" s="56"/>
      <c r="Y303" s="56"/>
      <c r="Z303" s="56"/>
      <c r="AA303" s="56"/>
      <c r="AB303" s="56"/>
      <c r="AC303" s="56"/>
      <c r="AD303" s="56"/>
      <c r="AE303" s="56"/>
      <c r="AF303" s="56"/>
      <c r="AG303" s="56"/>
      <c r="AH303" s="56"/>
      <c r="AI303" s="56"/>
      <c r="AJ303" s="56"/>
      <c r="AK303" s="56"/>
      <c r="AL303" s="56"/>
      <c r="AM303" s="56"/>
      <c r="AN303" s="56"/>
      <c r="AO303" s="56"/>
      <c r="AP303" s="56"/>
      <c r="AQ303" s="56"/>
      <c r="AR303" s="56"/>
      <c r="AS303" s="56"/>
      <c r="AT303" s="56"/>
      <c r="AU303" s="56"/>
      <c r="AV303" s="56"/>
      <c r="AW303" s="56"/>
      <c r="AX303" s="56"/>
      <c r="AY303" s="56"/>
      <c r="AZ303" s="56"/>
      <c r="BA303" s="56"/>
    </row>
    <row r="304" spans="1:53" ht="15.75" customHeight="1">
      <c r="A304" s="56"/>
      <c r="B304" s="56"/>
      <c r="C304" s="56"/>
      <c r="D304" s="56"/>
      <c r="E304" s="56"/>
      <c r="F304" s="56"/>
      <c r="G304" s="56"/>
      <c r="H304" s="56"/>
      <c r="I304" s="56"/>
      <c r="J304" s="56"/>
      <c r="K304" s="56"/>
      <c r="L304" s="56"/>
      <c r="M304" s="56"/>
      <c r="N304" s="56"/>
      <c r="O304" s="56"/>
      <c r="P304" s="56"/>
      <c r="Q304" s="15"/>
      <c r="R304" s="15"/>
      <c r="S304" s="15"/>
      <c r="T304" s="56"/>
      <c r="U304" s="56"/>
      <c r="V304" s="56"/>
      <c r="W304" s="56"/>
      <c r="X304" s="56"/>
      <c r="Y304" s="56"/>
      <c r="Z304" s="56"/>
      <c r="AA304" s="56"/>
      <c r="AB304" s="56"/>
      <c r="AC304" s="56"/>
      <c r="AD304" s="56"/>
      <c r="AE304" s="56"/>
      <c r="AF304" s="56"/>
      <c r="AG304" s="56"/>
      <c r="AH304" s="56"/>
      <c r="AI304" s="56"/>
      <c r="AJ304" s="56"/>
      <c r="AK304" s="56"/>
      <c r="AL304" s="56"/>
      <c r="AM304" s="56"/>
      <c r="AN304" s="56"/>
      <c r="AO304" s="56"/>
      <c r="AP304" s="56"/>
      <c r="AQ304" s="56"/>
      <c r="AR304" s="56"/>
      <c r="AS304" s="56"/>
      <c r="AT304" s="56"/>
      <c r="AU304" s="56"/>
      <c r="AV304" s="56"/>
      <c r="AW304" s="56"/>
      <c r="AX304" s="56"/>
      <c r="AY304" s="56"/>
      <c r="AZ304" s="56"/>
      <c r="BA304" s="56"/>
    </row>
    <row r="305" spans="1:53" ht="15.75" customHeight="1">
      <c r="A305" s="56"/>
      <c r="B305" s="56"/>
      <c r="C305" s="56"/>
      <c r="D305" s="56"/>
      <c r="E305" s="56"/>
      <c r="F305" s="56"/>
      <c r="G305" s="56"/>
      <c r="H305" s="56"/>
      <c r="I305" s="56"/>
      <c r="J305" s="56"/>
      <c r="K305" s="56"/>
      <c r="L305" s="56"/>
      <c r="M305" s="56"/>
      <c r="N305" s="56"/>
      <c r="O305" s="56"/>
      <c r="P305" s="56"/>
      <c r="Q305" s="15"/>
      <c r="R305" s="15"/>
      <c r="S305" s="15"/>
      <c r="T305" s="56"/>
      <c r="U305" s="56"/>
      <c r="V305" s="56"/>
      <c r="W305" s="56"/>
      <c r="X305" s="56"/>
      <c r="Y305" s="56"/>
      <c r="Z305" s="56"/>
      <c r="AA305" s="56"/>
      <c r="AB305" s="56"/>
      <c r="AC305" s="56"/>
      <c r="AD305" s="56"/>
      <c r="AE305" s="56"/>
      <c r="AF305" s="56"/>
      <c r="AG305" s="56"/>
      <c r="AH305" s="56"/>
      <c r="AI305" s="56"/>
      <c r="AJ305" s="56"/>
      <c r="AK305" s="56"/>
      <c r="AL305" s="56"/>
      <c r="AM305" s="56"/>
      <c r="AN305" s="56"/>
      <c r="AO305" s="56"/>
      <c r="AP305" s="56"/>
      <c r="AQ305" s="56"/>
      <c r="AR305" s="56"/>
      <c r="AS305" s="56"/>
      <c r="AT305" s="56"/>
      <c r="AU305" s="56"/>
      <c r="AV305" s="56"/>
      <c r="AW305" s="56"/>
      <c r="AX305" s="56"/>
      <c r="AY305" s="56"/>
      <c r="AZ305" s="56"/>
      <c r="BA305" s="56"/>
    </row>
    <row r="306" spans="1:53" ht="15.75" customHeight="1">
      <c r="A306" s="56"/>
      <c r="B306" s="56"/>
      <c r="C306" s="56"/>
      <c r="D306" s="56"/>
      <c r="E306" s="56"/>
      <c r="F306" s="56"/>
      <c r="G306" s="56"/>
      <c r="H306" s="56"/>
      <c r="I306" s="56"/>
      <c r="J306" s="56"/>
      <c r="K306" s="56"/>
      <c r="L306" s="56"/>
      <c r="M306" s="56"/>
      <c r="N306" s="56"/>
      <c r="O306" s="56"/>
      <c r="P306" s="56"/>
      <c r="Q306" s="15"/>
      <c r="R306" s="15"/>
      <c r="S306" s="15"/>
      <c r="T306" s="56"/>
      <c r="U306" s="56"/>
      <c r="V306" s="56"/>
      <c r="W306" s="56"/>
      <c r="X306" s="56"/>
      <c r="Y306" s="56"/>
      <c r="Z306" s="56"/>
      <c r="AA306" s="56"/>
      <c r="AB306" s="56"/>
      <c r="AC306" s="56"/>
      <c r="AD306" s="56"/>
      <c r="AE306" s="56"/>
      <c r="AF306" s="56"/>
      <c r="AG306" s="56"/>
      <c r="AH306" s="56"/>
      <c r="AI306" s="56"/>
      <c r="AJ306" s="56"/>
      <c r="AK306" s="56"/>
      <c r="AL306" s="56"/>
      <c r="AM306" s="56"/>
      <c r="AN306" s="56"/>
      <c r="AO306" s="56"/>
      <c r="AP306" s="56"/>
      <c r="AQ306" s="56"/>
      <c r="AR306" s="56"/>
      <c r="AS306" s="56"/>
      <c r="AT306" s="56"/>
      <c r="AU306" s="56"/>
      <c r="AV306" s="56"/>
      <c r="AW306" s="56"/>
      <c r="AX306" s="56"/>
      <c r="AY306" s="56"/>
      <c r="AZ306" s="56"/>
      <c r="BA306" s="56"/>
    </row>
    <row r="307" spans="1:53" ht="15.75" customHeight="1">
      <c r="A307" s="56"/>
      <c r="B307" s="56"/>
      <c r="C307" s="56"/>
      <c r="D307" s="56"/>
      <c r="E307" s="56"/>
      <c r="F307" s="56"/>
      <c r="G307" s="56"/>
      <c r="H307" s="56"/>
      <c r="I307" s="56"/>
      <c r="J307" s="56"/>
      <c r="K307" s="56"/>
      <c r="L307" s="56"/>
      <c r="M307" s="56"/>
      <c r="N307" s="56"/>
      <c r="O307" s="56"/>
      <c r="P307" s="56"/>
      <c r="Q307" s="15"/>
      <c r="R307" s="15"/>
      <c r="S307" s="15"/>
      <c r="T307" s="56"/>
      <c r="U307" s="56"/>
      <c r="V307" s="56"/>
      <c r="W307" s="56"/>
      <c r="X307" s="56"/>
      <c r="Y307" s="56"/>
      <c r="Z307" s="56"/>
      <c r="AA307" s="56"/>
      <c r="AB307" s="56"/>
      <c r="AC307" s="56"/>
      <c r="AD307" s="56"/>
      <c r="AE307" s="56"/>
      <c r="AF307" s="56"/>
      <c r="AG307" s="56"/>
      <c r="AH307" s="56"/>
      <c r="AI307" s="56"/>
      <c r="AJ307" s="56"/>
      <c r="AK307" s="56"/>
      <c r="AL307" s="56"/>
      <c r="AM307" s="56"/>
      <c r="AN307" s="56"/>
      <c r="AO307" s="56"/>
      <c r="AP307" s="56"/>
      <c r="AQ307" s="56"/>
      <c r="AR307" s="56"/>
      <c r="AS307" s="56"/>
      <c r="AT307" s="56"/>
      <c r="AU307" s="56"/>
      <c r="AV307" s="56"/>
      <c r="AW307" s="56"/>
      <c r="AX307" s="56"/>
      <c r="AY307" s="56"/>
      <c r="AZ307" s="56"/>
      <c r="BA307" s="56"/>
    </row>
    <row r="308" spans="1:53" ht="15.75" customHeight="1">
      <c r="A308" s="56"/>
      <c r="B308" s="56"/>
      <c r="C308" s="56"/>
      <c r="D308" s="56"/>
      <c r="E308" s="56"/>
      <c r="F308" s="56"/>
      <c r="G308" s="56"/>
      <c r="H308" s="56"/>
      <c r="I308" s="56"/>
      <c r="J308" s="56"/>
      <c r="K308" s="56"/>
      <c r="L308" s="56"/>
      <c r="M308" s="56"/>
      <c r="N308" s="56"/>
      <c r="O308" s="56"/>
      <c r="P308" s="56"/>
      <c r="Q308" s="15"/>
      <c r="R308" s="15"/>
      <c r="S308" s="15"/>
      <c r="T308" s="56"/>
      <c r="U308" s="56"/>
      <c r="V308" s="56"/>
      <c r="W308" s="56"/>
      <c r="X308" s="56"/>
      <c r="Y308" s="56"/>
      <c r="Z308" s="56"/>
      <c r="AA308" s="56"/>
      <c r="AB308" s="56"/>
      <c r="AC308" s="56"/>
      <c r="AD308" s="56"/>
      <c r="AE308" s="56"/>
      <c r="AF308" s="56"/>
      <c r="AG308" s="56"/>
      <c r="AH308" s="56"/>
      <c r="AI308" s="56"/>
      <c r="AJ308" s="56"/>
      <c r="AK308" s="56"/>
      <c r="AL308" s="56"/>
      <c r="AM308" s="56"/>
      <c r="AN308" s="56"/>
      <c r="AO308" s="56"/>
      <c r="AP308" s="56"/>
      <c r="AQ308" s="56"/>
      <c r="AR308" s="56"/>
      <c r="AS308" s="56"/>
      <c r="AT308" s="56"/>
      <c r="AU308" s="56"/>
      <c r="AV308" s="56"/>
      <c r="AW308" s="56"/>
      <c r="AX308" s="56"/>
      <c r="AY308" s="56"/>
      <c r="AZ308" s="56"/>
      <c r="BA308" s="56"/>
    </row>
    <row r="309" spans="1:53" ht="15.75" customHeight="1">
      <c r="A309" s="56"/>
      <c r="B309" s="56"/>
      <c r="C309" s="56"/>
      <c r="D309" s="56"/>
      <c r="E309" s="56"/>
      <c r="F309" s="56"/>
      <c r="G309" s="56"/>
      <c r="H309" s="56"/>
      <c r="I309" s="56"/>
      <c r="J309" s="56"/>
      <c r="K309" s="56"/>
      <c r="L309" s="56"/>
      <c r="M309" s="56"/>
      <c r="N309" s="56"/>
      <c r="O309" s="56"/>
      <c r="P309" s="56"/>
      <c r="Q309" s="15"/>
      <c r="R309" s="15"/>
      <c r="S309" s="15"/>
      <c r="T309" s="56"/>
      <c r="U309" s="56"/>
      <c r="V309" s="56"/>
      <c r="W309" s="56"/>
      <c r="X309" s="56"/>
      <c r="Y309" s="56"/>
      <c r="Z309" s="56"/>
      <c r="AA309" s="56"/>
      <c r="AB309" s="56"/>
      <c r="AC309" s="56"/>
      <c r="AD309" s="56"/>
      <c r="AE309" s="56"/>
      <c r="AF309" s="56"/>
      <c r="AG309" s="56"/>
      <c r="AH309" s="56"/>
      <c r="AI309" s="56"/>
      <c r="AJ309" s="56"/>
      <c r="AK309" s="56"/>
      <c r="AL309" s="56"/>
      <c r="AM309" s="56"/>
      <c r="AN309" s="56"/>
      <c r="AO309" s="56"/>
      <c r="AP309" s="56"/>
      <c r="AQ309" s="56"/>
      <c r="AR309" s="56"/>
      <c r="AS309" s="56"/>
      <c r="AT309" s="56"/>
      <c r="AU309" s="56"/>
      <c r="AV309" s="56"/>
      <c r="AW309" s="56"/>
      <c r="AX309" s="56"/>
      <c r="AY309" s="56"/>
      <c r="AZ309" s="56"/>
      <c r="BA309" s="56"/>
    </row>
    <row r="310" spans="1:53" ht="15.75" customHeight="1">
      <c r="A310" s="56"/>
      <c r="B310" s="56"/>
      <c r="C310" s="56"/>
      <c r="D310" s="56"/>
      <c r="E310" s="56"/>
      <c r="F310" s="56"/>
      <c r="G310" s="56"/>
      <c r="H310" s="56"/>
      <c r="I310" s="56"/>
      <c r="J310" s="56"/>
      <c r="K310" s="56"/>
      <c r="L310" s="56"/>
      <c r="M310" s="56"/>
      <c r="N310" s="56"/>
      <c r="O310" s="56"/>
      <c r="P310" s="56"/>
      <c r="Q310" s="15"/>
      <c r="R310" s="15"/>
      <c r="S310" s="15"/>
      <c r="T310" s="56"/>
      <c r="U310" s="56"/>
      <c r="V310" s="56"/>
      <c r="W310" s="56"/>
      <c r="X310" s="56"/>
      <c r="Y310" s="56"/>
      <c r="Z310" s="56"/>
      <c r="AA310" s="56"/>
      <c r="AB310" s="56"/>
      <c r="AC310" s="56"/>
      <c r="AD310" s="56"/>
      <c r="AE310" s="56"/>
      <c r="AF310" s="56"/>
      <c r="AG310" s="56"/>
      <c r="AH310" s="56"/>
      <c r="AI310" s="56"/>
      <c r="AJ310" s="56"/>
      <c r="AK310" s="56"/>
      <c r="AL310" s="56"/>
      <c r="AM310" s="56"/>
      <c r="AN310" s="56"/>
      <c r="AO310" s="56"/>
      <c r="AP310" s="56"/>
      <c r="AQ310" s="56"/>
      <c r="AR310" s="56"/>
      <c r="AS310" s="56"/>
      <c r="AT310" s="56"/>
      <c r="AU310" s="56"/>
      <c r="AV310" s="56"/>
      <c r="AW310" s="56"/>
      <c r="AX310" s="56"/>
      <c r="AY310" s="56"/>
      <c r="AZ310" s="56"/>
      <c r="BA310" s="56"/>
    </row>
    <row r="311" spans="1:53" ht="15.75" customHeight="1">
      <c r="A311" s="56"/>
      <c r="B311" s="56"/>
      <c r="C311" s="56"/>
      <c r="D311" s="56"/>
      <c r="E311" s="56"/>
      <c r="F311" s="56"/>
      <c r="G311" s="56"/>
      <c r="H311" s="56"/>
      <c r="I311" s="56"/>
      <c r="J311" s="56"/>
      <c r="K311" s="56"/>
      <c r="L311" s="56"/>
      <c r="M311" s="56"/>
      <c r="N311" s="56"/>
      <c r="O311" s="56"/>
      <c r="P311" s="56"/>
      <c r="Q311" s="15"/>
      <c r="R311" s="15"/>
      <c r="S311" s="15"/>
      <c r="T311" s="56"/>
      <c r="U311" s="56"/>
      <c r="V311" s="56"/>
      <c r="W311" s="56"/>
      <c r="X311" s="56"/>
      <c r="Y311" s="56"/>
      <c r="Z311" s="56"/>
      <c r="AA311" s="56"/>
      <c r="AB311" s="56"/>
      <c r="AC311" s="56"/>
      <c r="AD311" s="56"/>
      <c r="AE311" s="56"/>
      <c r="AF311" s="56"/>
      <c r="AG311" s="56"/>
      <c r="AH311" s="56"/>
      <c r="AI311" s="56"/>
      <c r="AJ311" s="56"/>
      <c r="AK311" s="56"/>
      <c r="AL311" s="56"/>
      <c r="AM311" s="56"/>
      <c r="AN311" s="56"/>
      <c r="AO311" s="56"/>
      <c r="AP311" s="56"/>
      <c r="AQ311" s="56"/>
      <c r="AR311" s="56"/>
      <c r="AS311" s="56"/>
      <c r="AT311" s="56"/>
      <c r="AU311" s="56"/>
      <c r="AV311" s="56"/>
      <c r="AW311" s="56"/>
      <c r="AX311" s="56"/>
      <c r="AY311" s="56"/>
      <c r="AZ311" s="56"/>
      <c r="BA311" s="56"/>
    </row>
    <row r="312" spans="1:53" ht="15.75" customHeight="1">
      <c r="A312" s="56"/>
      <c r="B312" s="56"/>
      <c r="C312" s="56"/>
      <c r="D312" s="56"/>
      <c r="E312" s="56"/>
      <c r="F312" s="56"/>
      <c r="G312" s="56"/>
      <c r="H312" s="56"/>
      <c r="I312" s="56"/>
      <c r="J312" s="56"/>
      <c r="K312" s="56"/>
      <c r="L312" s="56"/>
      <c r="M312" s="56"/>
      <c r="N312" s="56"/>
      <c r="O312" s="56"/>
      <c r="P312" s="56"/>
      <c r="Q312" s="15"/>
      <c r="R312" s="15"/>
      <c r="S312" s="15"/>
      <c r="T312" s="56"/>
      <c r="U312" s="56"/>
      <c r="V312" s="56"/>
      <c r="W312" s="56"/>
      <c r="X312" s="56"/>
      <c r="Y312" s="56"/>
      <c r="Z312" s="56"/>
      <c r="AA312" s="56"/>
      <c r="AB312" s="56"/>
      <c r="AC312" s="56"/>
      <c r="AD312" s="56"/>
      <c r="AE312" s="56"/>
      <c r="AF312" s="56"/>
      <c r="AG312" s="56"/>
      <c r="AH312" s="56"/>
      <c r="AI312" s="56"/>
      <c r="AJ312" s="56"/>
      <c r="AK312" s="56"/>
      <c r="AL312" s="56"/>
      <c r="AM312" s="56"/>
      <c r="AN312" s="56"/>
      <c r="AO312" s="56"/>
      <c r="AP312" s="56"/>
      <c r="AQ312" s="56"/>
      <c r="AR312" s="56"/>
      <c r="AS312" s="56"/>
      <c r="AT312" s="56"/>
      <c r="AU312" s="56"/>
      <c r="AV312" s="56"/>
      <c r="AW312" s="56"/>
      <c r="AX312" s="56"/>
      <c r="AY312" s="56"/>
      <c r="AZ312" s="56"/>
      <c r="BA312" s="56"/>
    </row>
    <row r="313" spans="1:53" ht="15.75" customHeight="1">
      <c r="A313" s="56"/>
      <c r="B313" s="56"/>
      <c r="C313" s="56"/>
      <c r="D313" s="56"/>
      <c r="E313" s="56"/>
      <c r="F313" s="56"/>
      <c r="G313" s="56"/>
      <c r="H313" s="56"/>
      <c r="I313" s="56"/>
      <c r="J313" s="56"/>
      <c r="K313" s="56"/>
      <c r="L313" s="56"/>
      <c r="M313" s="56"/>
      <c r="N313" s="56"/>
      <c r="O313" s="56"/>
      <c r="P313" s="56"/>
      <c r="Q313" s="15"/>
      <c r="R313" s="15"/>
      <c r="S313" s="15"/>
      <c r="T313" s="56"/>
      <c r="U313" s="56"/>
      <c r="V313" s="56"/>
      <c r="W313" s="56"/>
      <c r="X313" s="56"/>
      <c r="Y313" s="56"/>
      <c r="Z313" s="56"/>
      <c r="AA313" s="56"/>
      <c r="AB313" s="56"/>
      <c r="AC313" s="56"/>
      <c r="AD313" s="56"/>
      <c r="AE313" s="56"/>
      <c r="AF313" s="56"/>
      <c r="AG313" s="56"/>
      <c r="AH313" s="56"/>
      <c r="AI313" s="56"/>
      <c r="AJ313" s="56"/>
      <c r="AK313" s="56"/>
      <c r="AL313" s="56"/>
      <c r="AM313" s="56"/>
      <c r="AN313" s="56"/>
      <c r="AO313" s="56"/>
      <c r="AP313" s="56"/>
      <c r="AQ313" s="56"/>
      <c r="AR313" s="56"/>
      <c r="AS313" s="56"/>
      <c r="AT313" s="56"/>
      <c r="AU313" s="56"/>
      <c r="AV313" s="56"/>
      <c r="AW313" s="56"/>
      <c r="AX313" s="56"/>
      <c r="AY313" s="56"/>
      <c r="AZ313" s="56"/>
      <c r="BA313" s="56"/>
    </row>
    <row r="314" spans="1:53" ht="15.75" customHeight="1">
      <c r="A314" s="56"/>
      <c r="B314" s="56"/>
      <c r="C314" s="56"/>
      <c r="D314" s="56"/>
      <c r="E314" s="56"/>
      <c r="F314" s="56"/>
      <c r="G314" s="56"/>
      <c r="H314" s="56"/>
      <c r="I314" s="56"/>
      <c r="J314" s="56"/>
      <c r="K314" s="56"/>
      <c r="L314" s="56"/>
      <c r="M314" s="56"/>
      <c r="N314" s="56"/>
      <c r="O314" s="56"/>
      <c r="P314" s="56"/>
      <c r="Q314" s="15"/>
      <c r="R314" s="15"/>
      <c r="S314" s="15"/>
      <c r="T314" s="56"/>
      <c r="U314" s="56"/>
      <c r="V314" s="56"/>
      <c r="W314" s="56"/>
      <c r="X314" s="56"/>
      <c r="Y314" s="56"/>
      <c r="Z314" s="56"/>
      <c r="AA314" s="56"/>
      <c r="AB314" s="56"/>
      <c r="AC314" s="56"/>
      <c r="AD314" s="56"/>
      <c r="AE314" s="56"/>
      <c r="AF314" s="56"/>
      <c r="AG314" s="56"/>
      <c r="AH314" s="56"/>
      <c r="AI314" s="56"/>
      <c r="AJ314" s="56"/>
      <c r="AK314" s="56"/>
      <c r="AL314" s="56"/>
      <c r="AM314" s="56"/>
      <c r="AN314" s="56"/>
      <c r="AO314" s="56"/>
      <c r="AP314" s="56"/>
      <c r="AQ314" s="56"/>
      <c r="AR314" s="56"/>
      <c r="AS314" s="56"/>
      <c r="AT314" s="56"/>
      <c r="AU314" s="56"/>
      <c r="AV314" s="56"/>
      <c r="AW314" s="56"/>
      <c r="AX314" s="56"/>
      <c r="AY314" s="56"/>
      <c r="AZ314" s="56"/>
      <c r="BA314" s="56"/>
    </row>
    <row r="315" spans="1:53" ht="15.75" customHeight="1">
      <c r="A315" s="56"/>
      <c r="B315" s="56"/>
      <c r="C315" s="56"/>
      <c r="D315" s="56"/>
      <c r="E315" s="56"/>
      <c r="F315" s="56"/>
      <c r="G315" s="56"/>
      <c r="H315" s="56"/>
      <c r="I315" s="56"/>
      <c r="J315" s="56"/>
      <c r="K315" s="56"/>
      <c r="L315" s="56"/>
      <c r="M315" s="56"/>
      <c r="N315" s="56"/>
      <c r="O315" s="56"/>
      <c r="P315" s="56"/>
      <c r="Q315" s="15"/>
      <c r="R315" s="15"/>
      <c r="S315" s="15"/>
      <c r="T315" s="56"/>
      <c r="U315" s="56"/>
      <c r="V315" s="56"/>
      <c r="W315" s="56"/>
      <c r="X315" s="56"/>
      <c r="Y315" s="56"/>
      <c r="Z315" s="56"/>
      <c r="AA315" s="56"/>
      <c r="AB315" s="56"/>
      <c r="AC315" s="56"/>
      <c r="AD315" s="56"/>
      <c r="AE315" s="56"/>
      <c r="AF315" s="56"/>
      <c r="AG315" s="56"/>
      <c r="AH315" s="56"/>
      <c r="AI315" s="56"/>
      <c r="AJ315" s="56"/>
      <c r="AK315" s="56"/>
      <c r="AL315" s="56"/>
      <c r="AM315" s="56"/>
      <c r="AN315" s="56"/>
      <c r="AO315" s="56"/>
      <c r="AP315" s="56"/>
      <c r="AQ315" s="56"/>
      <c r="AR315" s="56"/>
      <c r="AS315" s="56"/>
      <c r="AT315" s="56"/>
      <c r="AU315" s="56"/>
      <c r="AV315" s="56"/>
      <c r="AW315" s="56"/>
      <c r="AX315" s="56"/>
      <c r="AY315" s="56"/>
      <c r="AZ315" s="56"/>
      <c r="BA315" s="56"/>
    </row>
    <row r="316" spans="1:53" ht="15.75" customHeight="1">
      <c r="A316" s="56"/>
      <c r="B316" s="56"/>
      <c r="C316" s="56"/>
      <c r="D316" s="56"/>
      <c r="E316" s="56"/>
      <c r="F316" s="56"/>
      <c r="G316" s="56"/>
      <c r="H316" s="56"/>
      <c r="I316" s="56"/>
      <c r="J316" s="56"/>
      <c r="K316" s="56"/>
      <c r="L316" s="56"/>
      <c r="M316" s="56"/>
      <c r="N316" s="56"/>
      <c r="O316" s="56"/>
      <c r="P316" s="56"/>
      <c r="Q316" s="15"/>
      <c r="R316" s="15"/>
      <c r="S316" s="15"/>
      <c r="T316" s="56"/>
      <c r="U316" s="56"/>
      <c r="V316" s="56"/>
      <c r="W316" s="56"/>
      <c r="X316" s="56"/>
      <c r="Y316" s="56"/>
      <c r="Z316" s="56"/>
      <c r="AA316" s="56"/>
      <c r="AB316" s="56"/>
      <c r="AC316" s="56"/>
      <c r="AD316" s="56"/>
      <c r="AE316" s="56"/>
      <c r="AF316" s="56"/>
      <c r="AG316" s="56"/>
      <c r="AH316" s="56"/>
      <c r="AI316" s="56"/>
      <c r="AJ316" s="56"/>
      <c r="AK316" s="56"/>
      <c r="AL316" s="56"/>
      <c r="AM316" s="56"/>
      <c r="AN316" s="56"/>
      <c r="AO316" s="56"/>
      <c r="AP316" s="56"/>
      <c r="AQ316" s="56"/>
      <c r="AR316" s="56"/>
      <c r="AS316" s="56"/>
      <c r="AT316" s="56"/>
      <c r="AU316" s="56"/>
      <c r="AV316" s="56"/>
      <c r="AW316" s="56"/>
      <c r="AX316" s="56"/>
      <c r="AY316" s="56"/>
      <c r="AZ316" s="56"/>
      <c r="BA316" s="56"/>
    </row>
    <row r="317" spans="1:53" ht="15.75" customHeight="1">
      <c r="A317" s="56"/>
      <c r="B317" s="56"/>
      <c r="C317" s="56"/>
      <c r="D317" s="56"/>
      <c r="E317" s="56"/>
      <c r="F317" s="56"/>
      <c r="G317" s="56"/>
      <c r="H317" s="56"/>
      <c r="I317" s="56"/>
      <c r="J317" s="56"/>
      <c r="K317" s="56"/>
      <c r="L317" s="56"/>
      <c r="M317" s="56"/>
      <c r="N317" s="56"/>
      <c r="O317" s="56"/>
      <c r="P317" s="56"/>
      <c r="Q317" s="15"/>
      <c r="R317" s="15"/>
      <c r="S317" s="15"/>
      <c r="T317" s="56"/>
      <c r="U317" s="56"/>
      <c r="V317" s="56"/>
      <c r="W317" s="56"/>
      <c r="X317" s="56"/>
      <c r="Y317" s="56"/>
      <c r="Z317" s="56"/>
      <c r="AA317" s="56"/>
      <c r="AB317" s="56"/>
      <c r="AC317" s="56"/>
      <c r="AD317" s="56"/>
      <c r="AE317" s="56"/>
      <c r="AF317" s="56"/>
      <c r="AG317" s="56"/>
      <c r="AH317" s="56"/>
      <c r="AI317" s="56"/>
      <c r="AJ317" s="56"/>
      <c r="AK317" s="56"/>
      <c r="AL317" s="56"/>
      <c r="AM317" s="56"/>
      <c r="AN317" s="56"/>
      <c r="AO317" s="56"/>
      <c r="AP317" s="56"/>
      <c r="AQ317" s="56"/>
      <c r="AR317" s="56"/>
      <c r="AS317" s="56"/>
      <c r="AT317" s="56"/>
      <c r="AU317" s="56"/>
      <c r="AV317" s="56"/>
      <c r="AW317" s="56"/>
      <c r="AX317" s="56"/>
      <c r="AY317" s="56"/>
      <c r="AZ317" s="56"/>
      <c r="BA317" s="56"/>
    </row>
    <row r="318" spans="1:53" ht="15.75" customHeight="1">
      <c r="A318" s="56"/>
      <c r="B318" s="56"/>
      <c r="C318" s="56"/>
      <c r="D318" s="56"/>
      <c r="E318" s="56"/>
      <c r="F318" s="56"/>
      <c r="G318" s="56"/>
      <c r="H318" s="56"/>
      <c r="I318" s="56"/>
      <c r="J318" s="56"/>
      <c r="K318" s="56"/>
      <c r="L318" s="56"/>
      <c r="M318" s="56"/>
      <c r="N318" s="56"/>
      <c r="O318" s="56"/>
      <c r="P318" s="56"/>
      <c r="Q318" s="15"/>
      <c r="R318" s="15"/>
      <c r="S318" s="15"/>
      <c r="T318" s="56"/>
      <c r="U318" s="56"/>
      <c r="V318" s="56"/>
      <c r="W318" s="56"/>
      <c r="X318" s="56"/>
      <c r="Y318" s="56"/>
      <c r="Z318" s="56"/>
      <c r="AA318" s="56"/>
      <c r="AB318" s="56"/>
      <c r="AC318" s="56"/>
      <c r="AD318" s="56"/>
      <c r="AE318" s="56"/>
      <c r="AF318" s="56"/>
      <c r="AG318" s="56"/>
      <c r="AH318" s="56"/>
      <c r="AI318" s="56"/>
      <c r="AJ318" s="56"/>
      <c r="AK318" s="56"/>
      <c r="AL318" s="56"/>
      <c r="AM318" s="56"/>
      <c r="AN318" s="56"/>
      <c r="AO318" s="56"/>
      <c r="AP318" s="56"/>
      <c r="AQ318" s="56"/>
      <c r="AR318" s="56"/>
      <c r="AS318" s="56"/>
      <c r="AT318" s="56"/>
      <c r="AU318" s="56"/>
      <c r="AV318" s="56"/>
      <c r="AW318" s="56"/>
      <c r="AX318" s="56"/>
      <c r="AY318" s="56"/>
      <c r="AZ318" s="56"/>
      <c r="BA318" s="56"/>
    </row>
    <row r="319" spans="1:53" ht="15.75" customHeight="1">
      <c r="A319" s="56"/>
      <c r="B319" s="56"/>
      <c r="C319" s="56"/>
      <c r="D319" s="56"/>
      <c r="E319" s="56"/>
      <c r="F319" s="56"/>
      <c r="G319" s="56"/>
      <c r="H319" s="56"/>
      <c r="I319" s="56"/>
      <c r="J319" s="56"/>
      <c r="K319" s="56"/>
      <c r="L319" s="56"/>
      <c r="M319" s="56"/>
      <c r="N319" s="56"/>
      <c r="O319" s="56"/>
      <c r="P319" s="56"/>
      <c r="Q319" s="15"/>
      <c r="R319" s="15"/>
      <c r="S319" s="15"/>
      <c r="T319" s="56"/>
      <c r="U319" s="56"/>
      <c r="V319" s="56"/>
      <c r="W319" s="56"/>
      <c r="X319" s="56"/>
      <c r="Y319" s="56"/>
      <c r="Z319" s="56"/>
      <c r="AA319" s="56"/>
      <c r="AB319" s="56"/>
      <c r="AC319" s="56"/>
      <c r="AD319" s="56"/>
      <c r="AE319" s="56"/>
      <c r="AF319" s="56"/>
      <c r="AG319" s="56"/>
      <c r="AH319" s="56"/>
      <c r="AI319" s="56"/>
      <c r="AJ319" s="56"/>
      <c r="AK319" s="56"/>
      <c r="AL319" s="56"/>
      <c r="AM319" s="56"/>
      <c r="AN319" s="56"/>
      <c r="AO319" s="56"/>
      <c r="AP319" s="56"/>
      <c r="AQ319" s="56"/>
      <c r="AR319" s="56"/>
      <c r="AS319" s="56"/>
      <c r="AT319" s="56"/>
      <c r="AU319" s="56"/>
      <c r="AV319" s="56"/>
      <c r="AW319" s="56"/>
      <c r="AX319" s="56"/>
      <c r="AY319" s="56"/>
      <c r="AZ319" s="56"/>
      <c r="BA319" s="56"/>
    </row>
    <row r="320" spans="1:53" ht="15.75" customHeight="1">
      <c r="A320" s="56"/>
      <c r="B320" s="56"/>
      <c r="C320" s="56"/>
      <c r="D320" s="56"/>
      <c r="E320" s="56"/>
      <c r="F320" s="56"/>
      <c r="G320" s="56"/>
      <c r="H320" s="56"/>
      <c r="I320" s="56"/>
      <c r="J320" s="56"/>
      <c r="K320" s="56"/>
      <c r="L320" s="56"/>
      <c r="M320" s="56"/>
      <c r="N320" s="56"/>
      <c r="O320" s="56"/>
      <c r="P320" s="56"/>
      <c r="Q320" s="15"/>
      <c r="R320" s="15"/>
      <c r="S320" s="15"/>
      <c r="T320" s="56"/>
      <c r="U320" s="56"/>
      <c r="V320" s="56"/>
      <c r="W320" s="56"/>
      <c r="X320" s="56"/>
      <c r="Y320" s="56"/>
      <c r="Z320" s="56"/>
      <c r="AA320" s="56"/>
      <c r="AB320" s="56"/>
      <c r="AC320" s="56"/>
      <c r="AD320" s="56"/>
      <c r="AE320" s="56"/>
      <c r="AF320" s="56"/>
      <c r="AG320" s="56"/>
      <c r="AH320" s="56"/>
      <c r="AI320" s="56"/>
      <c r="AJ320" s="56"/>
      <c r="AK320" s="56"/>
      <c r="AL320" s="56"/>
      <c r="AM320" s="56"/>
      <c r="AN320" s="56"/>
      <c r="AO320" s="56"/>
      <c r="AP320" s="56"/>
      <c r="AQ320" s="56"/>
      <c r="AR320" s="56"/>
      <c r="AS320" s="56"/>
      <c r="AT320" s="56"/>
      <c r="AU320" s="56"/>
      <c r="AV320" s="56"/>
      <c r="AW320" s="56"/>
      <c r="AX320" s="56"/>
      <c r="AY320" s="56"/>
      <c r="AZ320" s="56"/>
      <c r="BA320" s="56"/>
    </row>
    <row r="321" spans="1:53" ht="15.75" customHeight="1">
      <c r="A321" s="56"/>
      <c r="B321" s="56"/>
      <c r="C321" s="56"/>
      <c r="D321" s="56"/>
      <c r="E321" s="56"/>
      <c r="F321" s="56"/>
      <c r="G321" s="56"/>
      <c r="H321" s="56"/>
      <c r="I321" s="56"/>
      <c r="J321" s="56"/>
      <c r="K321" s="56"/>
      <c r="L321" s="56"/>
      <c r="M321" s="56"/>
      <c r="N321" s="56"/>
      <c r="O321" s="56"/>
      <c r="P321" s="56"/>
      <c r="Q321" s="15"/>
      <c r="R321" s="15"/>
      <c r="S321" s="15"/>
      <c r="T321" s="56"/>
      <c r="U321" s="56"/>
      <c r="V321" s="56"/>
      <c r="W321" s="56"/>
      <c r="X321" s="56"/>
      <c r="Y321" s="56"/>
      <c r="Z321" s="56"/>
      <c r="AA321" s="56"/>
      <c r="AB321" s="56"/>
      <c r="AC321" s="56"/>
      <c r="AD321" s="56"/>
      <c r="AE321" s="56"/>
      <c r="AF321" s="56"/>
      <c r="AG321" s="56"/>
      <c r="AH321" s="56"/>
      <c r="AI321" s="56"/>
      <c r="AJ321" s="56"/>
      <c r="AK321" s="56"/>
      <c r="AL321" s="56"/>
      <c r="AM321" s="56"/>
      <c r="AN321" s="56"/>
      <c r="AO321" s="56"/>
      <c r="AP321" s="56"/>
      <c r="AQ321" s="56"/>
      <c r="AR321" s="56"/>
      <c r="AS321" s="56"/>
      <c r="AT321" s="56"/>
      <c r="AU321" s="56"/>
      <c r="AV321" s="56"/>
      <c r="AW321" s="56"/>
      <c r="AX321" s="56"/>
      <c r="AY321" s="56"/>
      <c r="AZ321" s="56"/>
      <c r="BA321" s="56"/>
    </row>
    <row r="322" spans="1:53" ht="15.75" customHeight="1">
      <c r="A322" s="56"/>
      <c r="B322" s="56"/>
      <c r="C322" s="56"/>
      <c r="D322" s="56"/>
      <c r="E322" s="56"/>
      <c r="F322" s="56"/>
      <c r="G322" s="56"/>
      <c r="H322" s="56"/>
      <c r="I322" s="56"/>
      <c r="J322" s="56"/>
      <c r="K322" s="56"/>
      <c r="L322" s="56"/>
      <c r="M322" s="56"/>
      <c r="N322" s="56"/>
      <c r="O322" s="56"/>
      <c r="P322" s="56"/>
      <c r="Q322" s="15"/>
      <c r="R322" s="15"/>
      <c r="S322" s="15"/>
      <c r="T322" s="56"/>
      <c r="U322" s="56"/>
      <c r="V322" s="56"/>
      <c r="W322" s="56"/>
      <c r="X322" s="56"/>
      <c r="Y322" s="56"/>
      <c r="Z322" s="56"/>
      <c r="AA322" s="56"/>
      <c r="AB322" s="56"/>
      <c r="AC322" s="56"/>
      <c r="AD322" s="56"/>
      <c r="AE322" s="56"/>
      <c r="AF322" s="56"/>
      <c r="AG322" s="56"/>
      <c r="AH322" s="56"/>
      <c r="AI322" s="56"/>
      <c r="AJ322" s="56"/>
      <c r="AK322" s="56"/>
      <c r="AL322" s="56"/>
      <c r="AM322" s="56"/>
      <c r="AN322" s="56"/>
      <c r="AO322" s="56"/>
      <c r="AP322" s="56"/>
      <c r="AQ322" s="56"/>
      <c r="AR322" s="56"/>
      <c r="AS322" s="56"/>
      <c r="AT322" s="56"/>
      <c r="AU322" s="56"/>
      <c r="AV322" s="56"/>
      <c r="AW322" s="56"/>
      <c r="AX322" s="56"/>
      <c r="AY322" s="56"/>
      <c r="AZ322" s="56"/>
      <c r="BA322" s="56"/>
    </row>
    <row r="323" spans="1:53" ht="15.75" customHeight="1">
      <c r="A323" s="56"/>
      <c r="B323" s="56"/>
      <c r="C323" s="56"/>
      <c r="D323" s="56"/>
      <c r="E323" s="56"/>
      <c r="F323" s="56"/>
      <c r="G323" s="56"/>
      <c r="H323" s="56"/>
      <c r="I323" s="56"/>
      <c r="J323" s="56"/>
      <c r="K323" s="56"/>
      <c r="L323" s="56"/>
      <c r="M323" s="56"/>
      <c r="N323" s="56"/>
      <c r="O323" s="56"/>
      <c r="P323" s="56"/>
      <c r="Q323" s="15"/>
      <c r="R323" s="15"/>
      <c r="S323" s="15"/>
      <c r="T323" s="56"/>
      <c r="U323" s="56"/>
      <c r="V323" s="56"/>
      <c r="W323" s="56"/>
      <c r="X323" s="56"/>
      <c r="Y323" s="56"/>
      <c r="Z323" s="56"/>
      <c r="AA323" s="56"/>
      <c r="AB323" s="56"/>
      <c r="AC323" s="56"/>
      <c r="AD323" s="56"/>
      <c r="AE323" s="56"/>
      <c r="AF323" s="56"/>
      <c r="AG323" s="56"/>
      <c r="AH323" s="56"/>
      <c r="AI323" s="56"/>
      <c r="AJ323" s="56"/>
      <c r="AK323" s="56"/>
      <c r="AL323" s="56"/>
      <c r="AM323" s="56"/>
      <c r="AN323" s="56"/>
      <c r="AO323" s="56"/>
      <c r="AP323" s="56"/>
      <c r="AQ323" s="56"/>
      <c r="AR323" s="56"/>
      <c r="AS323" s="56"/>
      <c r="AT323" s="56"/>
      <c r="AU323" s="56"/>
      <c r="AV323" s="56"/>
      <c r="AW323" s="56"/>
      <c r="AX323" s="56"/>
      <c r="AY323" s="56"/>
      <c r="AZ323" s="56"/>
      <c r="BA323" s="56"/>
    </row>
    <row r="324" spans="1:53" ht="15.75" customHeight="1">
      <c r="A324" s="56"/>
      <c r="B324" s="56"/>
      <c r="C324" s="56"/>
      <c r="D324" s="56"/>
      <c r="E324" s="56"/>
      <c r="F324" s="56"/>
      <c r="G324" s="56"/>
      <c r="H324" s="56"/>
      <c r="I324" s="56"/>
      <c r="J324" s="56"/>
      <c r="K324" s="56"/>
      <c r="L324" s="56"/>
      <c r="M324" s="56"/>
      <c r="N324" s="56"/>
      <c r="O324" s="56"/>
      <c r="P324" s="56"/>
      <c r="Q324" s="15"/>
      <c r="R324" s="15"/>
      <c r="S324" s="15"/>
      <c r="T324" s="56"/>
      <c r="U324" s="56"/>
      <c r="V324" s="56"/>
      <c r="W324" s="56"/>
      <c r="X324" s="56"/>
      <c r="Y324" s="56"/>
      <c r="Z324" s="56"/>
      <c r="AA324" s="56"/>
      <c r="AB324" s="56"/>
      <c r="AC324" s="56"/>
      <c r="AD324" s="56"/>
      <c r="AE324" s="56"/>
      <c r="AF324" s="56"/>
      <c r="AG324" s="56"/>
      <c r="AH324" s="56"/>
      <c r="AI324" s="56"/>
      <c r="AJ324" s="56"/>
      <c r="AK324" s="56"/>
      <c r="AL324" s="56"/>
      <c r="AM324" s="56"/>
      <c r="AN324" s="56"/>
      <c r="AO324" s="56"/>
      <c r="AP324" s="56"/>
      <c r="AQ324" s="56"/>
      <c r="AR324" s="56"/>
      <c r="AS324" s="56"/>
      <c r="AT324" s="56"/>
      <c r="AU324" s="56"/>
      <c r="AV324" s="56"/>
      <c r="AW324" s="56"/>
      <c r="AX324" s="56"/>
      <c r="AY324" s="56"/>
      <c r="AZ324" s="56"/>
      <c r="BA324" s="56"/>
    </row>
    <row r="325" spans="1:53" ht="15.75" customHeight="1">
      <c r="A325" s="56"/>
      <c r="B325" s="56"/>
      <c r="C325" s="56"/>
      <c r="D325" s="56"/>
      <c r="E325" s="56"/>
      <c r="F325" s="56"/>
      <c r="G325" s="56"/>
      <c r="H325" s="56"/>
      <c r="I325" s="56"/>
      <c r="J325" s="56"/>
      <c r="K325" s="56"/>
      <c r="L325" s="56"/>
      <c r="M325" s="56"/>
      <c r="N325" s="56"/>
      <c r="O325" s="56"/>
      <c r="P325" s="56"/>
      <c r="Q325" s="15"/>
      <c r="R325" s="15"/>
      <c r="S325" s="15"/>
      <c r="T325" s="56"/>
      <c r="U325" s="56"/>
      <c r="V325" s="56"/>
      <c r="W325" s="56"/>
      <c r="X325" s="56"/>
      <c r="Y325" s="56"/>
      <c r="Z325" s="56"/>
      <c r="AA325" s="56"/>
      <c r="AB325" s="56"/>
      <c r="AC325" s="56"/>
      <c r="AD325" s="56"/>
      <c r="AE325" s="56"/>
      <c r="AF325" s="56"/>
      <c r="AG325" s="56"/>
      <c r="AH325" s="56"/>
      <c r="AI325" s="56"/>
      <c r="AJ325" s="56"/>
      <c r="AK325" s="56"/>
      <c r="AL325" s="56"/>
      <c r="AM325" s="56"/>
      <c r="AN325" s="56"/>
      <c r="AO325" s="56"/>
      <c r="AP325" s="56"/>
      <c r="AQ325" s="56"/>
      <c r="AR325" s="56"/>
      <c r="AS325" s="56"/>
      <c r="AT325" s="56"/>
      <c r="AU325" s="56"/>
      <c r="AV325" s="56"/>
      <c r="AW325" s="56"/>
      <c r="AX325" s="56"/>
      <c r="AY325" s="56"/>
      <c r="AZ325" s="56"/>
      <c r="BA325" s="56"/>
    </row>
    <row r="326" spans="1:53" ht="15.75" customHeight="1">
      <c r="A326" s="56"/>
      <c r="B326" s="56"/>
      <c r="C326" s="56"/>
      <c r="D326" s="56"/>
      <c r="E326" s="56"/>
      <c r="F326" s="56"/>
      <c r="G326" s="56"/>
      <c r="H326" s="56"/>
      <c r="I326" s="56"/>
      <c r="J326" s="56"/>
      <c r="K326" s="56"/>
      <c r="L326" s="56"/>
      <c r="M326" s="56"/>
      <c r="N326" s="56"/>
      <c r="O326" s="56"/>
      <c r="P326" s="56"/>
      <c r="Q326" s="15"/>
      <c r="R326" s="15"/>
      <c r="S326" s="15"/>
      <c r="T326" s="56"/>
      <c r="U326" s="56"/>
      <c r="V326" s="56"/>
      <c r="W326" s="56"/>
      <c r="X326" s="56"/>
      <c r="Y326" s="56"/>
      <c r="Z326" s="56"/>
      <c r="AA326" s="56"/>
      <c r="AB326" s="56"/>
      <c r="AC326" s="56"/>
      <c r="AD326" s="56"/>
      <c r="AE326" s="56"/>
      <c r="AF326" s="56"/>
      <c r="AG326" s="56"/>
      <c r="AH326" s="56"/>
      <c r="AI326" s="56"/>
      <c r="AJ326" s="56"/>
      <c r="AK326" s="56"/>
      <c r="AL326" s="56"/>
      <c r="AM326" s="56"/>
      <c r="AN326" s="56"/>
      <c r="AO326" s="56"/>
      <c r="AP326" s="56"/>
      <c r="AQ326" s="56"/>
      <c r="AR326" s="56"/>
      <c r="AS326" s="56"/>
      <c r="AT326" s="56"/>
      <c r="AU326" s="56"/>
      <c r="AV326" s="56"/>
      <c r="AW326" s="56"/>
      <c r="AX326" s="56"/>
      <c r="AY326" s="56"/>
      <c r="AZ326" s="56"/>
      <c r="BA326" s="56"/>
    </row>
    <row r="327" spans="1:53" ht="15.75" customHeight="1">
      <c r="A327" s="56"/>
      <c r="B327" s="56"/>
      <c r="C327" s="56"/>
      <c r="D327" s="56"/>
      <c r="E327" s="56"/>
      <c r="F327" s="56"/>
      <c r="G327" s="56"/>
      <c r="H327" s="56"/>
      <c r="I327" s="56"/>
      <c r="J327" s="56"/>
      <c r="K327" s="56"/>
      <c r="L327" s="56"/>
      <c r="M327" s="56"/>
      <c r="N327" s="56"/>
      <c r="O327" s="56"/>
      <c r="P327" s="56"/>
      <c r="Q327" s="15"/>
      <c r="R327" s="15"/>
      <c r="S327" s="15"/>
      <c r="T327" s="56"/>
      <c r="U327" s="56"/>
      <c r="V327" s="56"/>
      <c r="W327" s="56"/>
      <c r="X327" s="56"/>
      <c r="Y327" s="56"/>
      <c r="Z327" s="56"/>
      <c r="AA327" s="56"/>
      <c r="AB327" s="56"/>
      <c r="AC327" s="56"/>
      <c r="AD327" s="56"/>
      <c r="AE327" s="56"/>
      <c r="AF327" s="56"/>
      <c r="AG327" s="56"/>
      <c r="AH327" s="56"/>
      <c r="AI327" s="56"/>
      <c r="AJ327" s="56"/>
      <c r="AK327" s="56"/>
      <c r="AL327" s="56"/>
      <c r="AM327" s="56"/>
      <c r="AN327" s="56"/>
      <c r="AO327" s="56"/>
      <c r="AP327" s="56"/>
      <c r="AQ327" s="56"/>
      <c r="AR327" s="56"/>
      <c r="AS327" s="56"/>
      <c r="AT327" s="56"/>
      <c r="AU327" s="56"/>
      <c r="AV327" s="56"/>
      <c r="AW327" s="56"/>
      <c r="AX327" s="56"/>
      <c r="AY327" s="56"/>
      <c r="AZ327" s="56"/>
      <c r="BA327" s="56"/>
    </row>
    <row r="328" spans="1:53" ht="15.75" customHeight="1">
      <c r="A328" s="56"/>
      <c r="B328" s="56"/>
      <c r="C328" s="56"/>
      <c r="D328" s="56"/>
      <c r="E328" s="56"/>
      <c r="F328" s="56"/>
      <c r="G328" s="56"/>
      <c r="H328" s="56"/>
      <c r="I328" s="56"/>
      <c r="J328" s="56"/>
      <c r="K328" s="56"/>
      <c r="L328" s="56"/>
      <c r="M328" s="56"/>
      <c r="N328" s="56"/>
      <c r="O328" s="56"/>
      <c r="P328" s="56"/>
      <c r="Q328" s="15"/>
      <c r="R328" s="15"/>
      <c r="S328" s="15"/>
      <c r="T328" s="56"/>
      <c r="U328" s="56"/>
      <c r="V328" s="56"/>
      <c r="W328" s="56"/>
      <c r="X328" s="56"/>
      <c r="Y328" s="56"/>
      <c r="Z328" s="56"/>
      <c r="AA328" s="56"/>
      <c r="AB328" s="56"/>
      <c r="AC328" s="56"/>
      <c r="AD328" s="56"/>
      <c r="AE328" s="56"/>
      <c r="AF328" s="56"/>
      <c r="AG328" s="56"/>
      <c r="AH328" s="56"/>
      <c r="AI328" s="56"/>
      <c r="AJ328" s="56"/>
      <c r="AK328" s="56"/>
      <c r="AL328" s="56"/>
      <c r="AM328" s="56"/>
      <c r="AN328" s="56"/>
      <c r="AO328" s="56"/>
      <c r="AP328" s="56"/>
      <c r="AQ328" s="56"/>
      <c r="AR328" s="56"/>
      <c r="AS328" s="56"/>
      <c r="AT328" s="56"/>
      <c r="AU328" s="56"/>
      <c r="AV328" s="56"/>
      <c r="AW328" s="56"/>
      <c r="AX328" s="56"/>
      <c r="AY328" s="56"/>
      <c r="AZ328" s="56"/>
      <c r="BA328" s="56"/>
    </row>
    <row r="329" spans="1:53" ht="15.75" customHeight="1">
      <c r="A329" s="56"/>
      <c r="B329" s="56"/>
      <c r="C329" s="56"/>
      <c r="D329" s="56"/>
      <c r="E329" s="56"/>
      <c r="F329" s="56"/>
      <c r="G329" s="56"/>
      <c r="H329" s="56"/>
      <c r="I329" s="56"/>
      <c r="J329" s="56"/>
      <c r="K329" s="56"/>
      <c r="L329" s="56"/>
      <c r="M329" s="56"/>
      <c r="N329" s="56"/>
      <c r="O329" s="56"/>
      <c r="P329" s="56"/>
      <c r="Q329" s="15"/>
      <c r="R329" s="15"/>
      <c r="S329" s="15"/>
      <c r="T329" s="56"/>
      <c r="U329" s="56"/>
      <c r="V329" s="56"/>
      <c r="W329" s="56"/>
      <c r="X329" s="56"/>
      <c r="Y329" s="56"/>
      <c r="Z329" s="56"/>
      <c r="AA329" s="56"/>
      <c r="AB329" s="56"/>
      <c r="AC329" s="56"/>
      <c r="AD329" s="56"/>
      <c r="AE329" s="56"/>
      <c r="AF329" s="56"/>
      <c r="AG329" s="56"/>
      <c r="AH329" s="56"/>
      <c r="AI329" s="56"/>
      <c r="AJ329" s="56"/>
      <c r="AK329" s="56"/>
      <c r="AL329" s="56"/>
      <c r="AM329" s="56"/>
      <c r="AN329" s="56"/>
      <c r="AO329" s="56"/>
      <c r="AP329" s="56"/>
      <c r="AQ329" s="56"/>
      <c r="AR329" s="56"/>
      <c r="AS329" s="56"/>
      <c r="AT329" s="56"/>
      <c r="AU329" s="56"/>
      <c r="AV329" s="56"/>
      <c r="AW329" s="56"/>
      <c r="AX329" s="56"/>
      <c r="AY329" s="56"/>
      <c r="AZ329" s="56"/>
      <c r="BA329" s="56"/>
    </row>
    <row r="330" spans="1:53" ht="15.75" customHeight="1">
      <c r="A330" s="56"/>
      <c r="B330" s="56"/>
      <c r="C330" s="56"/>
      <c r="D330" s="56"/>
      <c r="E330" s="56"/>
      <c r="F330" s="56"/>
      <c r="G330" s="56"/>
      <c r="H330" s="56"/>
      <c r="I330" s="56"/>
      <c r="J330" s="56"/>
      <c r="K330" s="56"/>
      <c r="L330" s="56"/>
      <c r="M330" s="56"/>
      <c r="N330" s="56"/>
      <c r="O330" s="56"/>
      <c r="P330" s="56"/>
      <c r="Q330" s="15"/>
      <c r="R330" s="15"/>
      <c r="S330" s="15"/>
      <c r="T330" s="56"/>
      <c r="U330" s="56"/>
      <c r="V330" s="56"/>
      <c r="W330" s="56"/>
      <c r="X330" s="56"/>
      <c r="Y330" s="56"/>
      <c r="Z330" s="56"/>
      <c r="AA330" s="56"/>
      <c r="AB330" s="56"/>
      <c r="AC330" s="56"/>
      <c r="AD330" s="56"/>
      <c r="AE330" s="56"/>
      <c r="AF330" s="56"/>
      <c r="AG330" s="56"/>
      <c r="AH330" s="56"/>
      <c r="AI330" s="56"/>
      <c r="AJ330" s="56"/>
      <c r="AK330" s="56"/>
      <c r="AL330" s="56"/>
      <c r="AM330" s="56"/>
      <c r="AN330" s="56"/>
      <c r="AO330" s="56"/>
      <c r="AP330" s="56"/>
      <c r="AQ330" s="56"/>
      <c r="AR330" s="56"/>
      <c r="AS330" s="56"/>
      <c r="AT330" s="56"/>
      <c r="AU330" s="56"/>
      <c r="AV330" s="56"/>
      <c r="AW330" s="56"/>
      <c r="AX330" s="56"/>
      <c r="AY330" s="56"/>
      <c r="AZ330" s="56"/>
      <c r="BA330" s="56"/>
    </row>
    <row r="331" spans="1:53" ht="15.75" customHeight="1">
      <c r="A331" s="56"/>
      <c r="B331" s="56"/>
      <c r="C331" s="56"/>
      <c r="D331" s="56"/>
      <c r="E331" s="56"/>
      <c r="F331" s="56"/>
      <c r="G331" s="56"/>
      <c r="H331" s="56"/>
      <c r="I331" s="56"/>
      <c r="J331" s="56"/>
      <c r="K331" s="56"/>
      <c r="L331" s="56"/>
      <c r="M331" s="56"/>
      <c r="N331" s="56"/>
      <c r="O331" s="56"/>
      <c r="P331" s="56"/>
      <c r="Q331" s="15"/>
      <c r="R331" s="15"/>
      <c r="S331" s="15"/>
      <c r="T331" s="56"/>
      <c r="U331" s="56"/>
      <c r="V331" s="56"/>
      <c r="W331" s="56"/>
      <c r="X331" s="56"/>
      <c r="Y331" s="56"/>
      <c r="Z331" s="56"/>
      <c r="AA331" s="56"/>
      <c r="AB331" s="56"/>
      <c r="AC331" s="56"/>
      <c r="AD331" s="56"/>
      <c r="AE331" s="56"/>
      <c r="AF331" s="56"/>
      <c r="AG331" s="56"/>
      <c r="AH331" s="56"/>
      <c r="AI331" s="56"/>
      <c r="AJ331" s="56"/>
      <c r="AK331" s="56"/>
      <c r="AL331" s="56"/>
      <c r="AM331" s="56"/>
      <c r="AN331" s="56"/>
      <c r="AO331" s="56"/>
      <c r="AP331" s="56"/>
      <c r="AQ331" s="56"/>
      <c r="AR331" s="56"/>
      <c r="AS331" s="56"/>
      <c r="AT331" s="56"/>
      <c r="AU331" s="56"/>
      <c r="AV331" s="56"/>
      <c r="AW331" s="56"/>
      <c r="AX331" s="56"/>
      <c r="AY331" s="56"/>
      <c r="AZ331" s="56"/>
      <c r="BA331" s="56"/>
    </row>
    <row r="332" spans="1:53" ht="15.75" customHeight="1">
      <c r="A332" s="56"/>
      <c r="B332" s="56"/>
      <c r="C332" s="56"/>
      <c r="D332" s="56"/>
      <c r="E332" s="56"/>
      <c r="F332" s="56"/>
      <c r="G332" s="56"/>
      <c r="H332" s="56"/>
      <c r="I332" s="56"/>
      <c r="J332" s="56"/>
      <c r="K332" s="56"/>
      <c r="L332" s="56"/>
      <c r="M332" s="56"/>
      <c r="N332" s="56"/>
      <c r="O332" s="56"/>
      <c r="P332" s="56"/>
      <c r="Q332" s="15"/>
      <c r="R332" s="15"/>
      <c r="S332" s="15"/>
      <c r="T332" s="56"/>
      <c r="U332" s="56"/>
      <c r="V332" s="56"/>
      <c r="W332" s="56"/>
      <c r="X332" s="56"/>
      <c r="Y332" s="56"/>
      <c r="Z332" s="56"/>
      <c r="AA332" s="56"/>
      <c r="AB332" s="56"/>
      <c r="AC332" s="56"/>
      <c r="AD332" s="56"/>
      <c r="AE332" s="56"/>
      <c r="AF332" s="56"/>
      <c r="AG332" s="56"/>
      <c r="AH332" s="56"/>
      <c r="AI332" s="56"/>
      <c r="AJ332" s="56"/>
      <c r="AK332" s="56"/>
      <c r="AL332" s="56"/>
      <c r="AM332" s="56"/>
      <c r="AN332" s="56"/>
      <c r="AO332" s="56"/>
      <c r="AP332" s="56"/>
      <c r="AQ332" s="56"/>
      <c r="AR332" s="56"/>
      <c r="AS332" s="56"/>
      <c r="AT332" s="56"/>
      <c r="AU332" s="56"/>
      <c r="AV332" s="56"/>
      <c r="AW332" s="56"/>
      <c r="AX332" s="56"/>
      <c r="AY332" s="56"/>
      <c r="AZ332" s="56"/>
      <c r="BA332" s="56"/>
    </row>
    <row r="333" spans="1:53" ht="15.75" customHeight="1">
      <c r="A333" s="56"/>
      <c r="B333" s="56"/>
      <c r="C333" s="56"/>
      <c r="D333" s="56"/>
      <c r="E333" s="56"/>
      <c r="F333" s="56"/>
      <c r="G333" s="56"/>
      <c r="H333" s="56"/>
      <c r="I333" s="56"/>
      <c r="J333" s="56"/>
      <c r="K333" s="56"/>
      <c r="L333" s="56"/>
      <c r="M333" s="56"/>
      <c r="N333" s="56"/>
      <c r="O333" s="56"/>
      <c r="P333" s="56"/>
      <c r="Q333" s="15"/>
      <c r="R333" s="15"/>
      <c r="S333" s="15"/>
      <c r="T333" s="56"/>
      <c r="U333" s="56"/>
      <c r="V333" s="56"/>
      <c r="W333" s="56"/>
      <c r="X333" s="56"/>
      <c r="Y333" s="56"/>
      <c r="Z333" s="56"/>
      <c r="AA333" s="56"/>
      <c r="AB333" s="56"/>
      <c r="AC333" s="56"/>
      <c r="AD333" s="56"/>
      <c r="AE333" s="56"/>
      <c r="AF333" s="56"/>
      <c r="AG333" s="56"/>
      <c r="AH333" s="56"/>
      <c r="AI333" s="56"/>
      <c r="AJ333" s="56"/>
      <c r="AK333" s="56"/>
      <c r="AL333" s="56"/>
      <c r="AM333" s="56"/>
      <c r="AN333" s="56"/>
      <c r="AO333" s="56"/>
      <c r="AP333" s="56"/>
      <c r="AQ333" s="56"/>
      <c r="AR333" s="56"/>
      <c r="AS333" s="56"/>
      <c r="AT333" s="56"/>
      <c r="AU333" s="56"/>
      <c r="AV333" s="56"/>
      <c r="AW333" s="56"/>
      <c r="AX333" s="56"/>
      <c r="AY333" s="56"/>
      <c r="AZ333" s="56"/>
      <c r="BA333" s="56"/>
    </row>
    <row r="334" spans="1:53" ht="15.75" customHeight="1">
      <c r="A334" s="56"/>
      <c r="B334" s="56"/>
      <c r="C334" s="56"/>
      <c r="D334" s="56"/>
      <c r="E334" s="56"/>
      <c r="F334" s="56"/>
      <c r="G334" s="56"/>
      <c r="H334" s="56"/>
      <c r="I334" s="56"/>
      <c r="J334" s="56"/>
      <c r="K334" s="56"/>
      <c r="L334" s="56"/>
      <c r="M334" s="56"/>
      <c r="N334" s="56"/>
      <c r="O334" s="56"/>
      <c r="P334" s="56"/>
      <c r="Q334" s="15"/>
      <c r="R334" s="15"/>
      <c r="S334" s="15"/>
      <c r="T334" s="56"/>
      <c r="U334" s="56"/>
      <c r="V334" s="56"/>
      <c r="W334" s="56"/>
      <c r="X334" s="56"/>
      <c r="Y334" s="56"/>
      <c r="Z334" s="56"/>
      <c r="AA334" s="56"/>
      <c r="AB334" s="56"/>
      <c r="AC334" s="56"/>
      <c r="AD334" s="56"/>
      <c r="AE334" s="56"/>
      <c r="AF334" s="56"/>
      <c r="AG334" s="56"/>
      <c r="AH334" s="56"/>
      <c r="AI334" s="56"/>
      <c r="AJ334" s="56"/>
      <c r="AK334" s="56"/>
      <c r="AL334" s="56"/>
      <c r="AM334" s="56"/>
      <c r="AN334" s="56"/>
      <c r="AO334" s="56"/>
      <c r="AP334" s="56"/>
      <c r="AQ334" s="56"/>
      <c r="AR334" s="56"/>
      <c r="AS334" s="56"/>
      <c r="AT334" s="56"/>
      <c r="AU334" s="56"/>
      <c r="AV334" s="56"/>
      <c r="AW334" s="56"/>
      <c r="AX334" s="56"/>
      <c r="AY334" s="56"/>
      <c r="AZ334" s="56"/>
      <c r="BA334" s="56"/>
    </row>
    <row r="335" spans="1:53" ht="15.75" customHeight="1">
      <c r="A335" s="56"/>
      <c r="B335" s="56"/>
      <c r="C335" s="56"/>
      <c r="D335" s="56"/>
      <c r="E335" s="56"/>
      <c r="F335" s="56"/>
      <c r="G335" s="56"/>
      <c r="H335" s="56"/>
      <c r="I335" s="56"/>
      <c r="J335" s="56"/>
      <c r="K335" s="56"/>
      <c r="L335" s="56"/>
      <c r="M335" s="56"/>
      <c r="N335" s="56"/>
      <c r="O335" s="56"/>
      <c r="P335" s="56"/>
      <c r="Q335" s="15"/>
      <c r="R335" s="15"/>
      <c r="S335" s="15"/>
      <c r="T335" s="56"/>
      <c r="U335" s="56"/>
      <c r="V335" s="56"/>
      <c r="W335" s="56"/>
      <c r="X335" s="56"/>
      <c r="Y335" s="56"/>
      <c r="Z335" s="56"/>
      <c r="AA335" s="56"/>
      <c r="AB335" s="56"/>
      <c r="AC335" s="56"/>
      <c r="AD335" s="56"/>
      <c r="AE335" s="56"/>
      <c r="AF335" s="56"/>
      <c r="AG335" s="56"/>
      <c r="AH335" s="56"/>
      <c r="AI335" s="56"/>
      <c r="AJ335" s="56"/>
      <c r="AK335" s="56"/>
      <c r="AL335" s="56"/>
      <c r="AM335" s="56"/>
      <c r="AN335" s="56"/>
      <c r="AO335" s="56"/>
      <c r="AP335" s="56"/>
      <c r="AQ335" s="56"/>
      <c r="AR335" s="56"/>
      <c r="AS335" s="56"/>
      <c r="AT335" s="56"/>
      <c r="AU335" s="56"/>
      <c r="AV335" s="56"/>
      <c r="AW335" s="56"/>
      <c r="AX335" s="56"/>
      <c r="AY335" s="56"/>
      <c r="AZ335" s="56"/>
      <c r="BA335" s="56"/>
    </row>
    <row r="336" spans="1:53" ht="15.75" customHeight="1">
      <c r="A336" s="56"/>
      <c r="B336" s="56"/>
      <c r="C336" s="56"/>
      <c r="D336" s="56"/>
      <c r="E336" s="56"/>
      <c r="F336" s="56"/>
      <c r="G336" s="56"/>
      <c r="H336" s="56"/>
      <c r="I336" s="56"/>
      <c r="J336" s="56"/>
      <c r="K336" s="56"/>
      <c r="L336" s="56"/>
      <c r="M336" s="56"/>
      <c r="N336" s="56"/>
      <c r="O336" s="56"/>
      <c r="P336" s="56"/>
      <c r="Q336" s="15"/>
      <c r="R336" s="15"/>
      <c r="S336" s="15"/>
      <c r="T336" s="56"/>
      <c r="U336" s="56"/>
      <c r="V336" s="56"/>
      <c r="W336" s="56"/>
      <c r="X336" s="56"/>
      <c r="Y336" s="56"/>
      <c r="Z336" s="56"/>
      <c r="AA336" s="56"/>
      <c r="AB336" s="56"/>
      <c r="AC336" s="56"/>
      <c r="AD336" s="56"/>
      <c r="AE336" s="56"/>
      <c r="AF336" s="56"/>
      <c r="AG336" s="56"/>
      <c r="AH336" s="56"/>
      <c r="AI336" s="56"/>
      <c r="AJ336" s="56"/>
      <c r="AK336" s="56"/>
      <c r="AL336" s="56"/>
      <c r="AM336" s="56"/>
      <c r="AN336" s="56"/>
      <c r="AO336" s="56"/>
      <c r="AP336" s="56"/>
      <c r="AQ336" s="56"/>
      <c r="AR336" s="56"/>
      <c r="AS336" s="56"/>
      <c r="AT336" s="56"/>
      <c r="AU336" s="56"/>
      <c r="AV336" s="56"/>
      <c r="AW336" s="56"/>
      <c r="AX336" s="56"/>
      <c r="AY336" s="56"/>
      <c r="AZ336" s="56"/>
      <c r="BA336" s="56"/>
    </row>
    <row r="337" spans="1:53" ht="15.75" customHeight="1">
      <c r="A337" s="56"/>
      <c r="B337" s="56"/>
      <c r="C337" s="56"/>
      <c r="D337" s="56"/>
      <c r="E337" s="56"/>
      <c r="F337" s="56"/>
      <c r="G337" s="56"/>
      <c r="H337" s="56"/>
      <c r="I337" s="56"/>
      <c r="J337" s="56"/>
      <c r="K337" s="56"/>
      <c r="L337" s="56"/>
      <c r="M337" s="56"/>
      <c r="N337" s="56"/>
      <c r="O337" s="56"/>
      <c r="P337" s="56"/>
      <c r="Q337" s="15"/>
      <c r="R337" s="15"/>
      <c r="S337" s="15"/>
      <c r="T337" s="56"/>
      <c r="U337" s="56"/>
      <c r="V337" s="56"/>
      <c r="W337" s="56"/>
      <c r="X337" s="56"/>
      <c r="Y337" s="56"/>
      <c r="Z337" s="56"/>
      <c r="AA337" s="56"/>
      <c r="AB337" s="56"/>
      <c r="AC337" s="56"/>
      <c r="AD337" s="56"/>
      <c r="AE337" s="56"/>
      <c r="AF337" s="56"/>
      <c r="AG337" s="56"/>
      <c r="AH337" s="56"/>
      <c r="AI337" s="56"/>
      <c r="AJ337" s="56"/>
      <c r="AK337" s="56"/>
      <c r="AL337" s="56"/>
      <c r="AM337" s="56"/>
      <c r="AN337" s="56"/>
      <c r="AO337" s="56"/>
      <c r="AP337" s="56"/>
      <c r="AQ337" s="56"/>
      <c r="AR337" s="56"/>
      <c r="AS337" s="56"/>
      <c r="AT337" s="56"/>
      <c r="AU337" s="56"/>
      <c r="AV337" s="56"/>
      <c r="AW337" s="56"/>
      <c r="AX337" s="56"/>
      <c r="AY337" s="56"/>
      <c r="AZ337" s="56"/>
      <c r="BA337" s="56"/>
    </row>
    <row r="338" spans="1:53" ht="15.75" customHeight="1">
      <c r="A338" s="56"/>
      <c r="B338" s="56"/>
      <c r="C338" s="56"/>
      <c r="D338" s="56"/>
      <c r="E338" s="56"/>
      <c r="F338" s="56"/>
      <c r="G338" s="56"/>
      <c r="H338" s="56"/>
      <c r="I338" s="56"/>
      <c r="J338" s="56"/>
      <c r="K338" s="56"/>
      <c r="L338" s="56"/>
      <c r="M338" s="56"/>
      <c r="N338" s="56"/>
      <c r="O338" s="56"/>
      <c r="P338" s="56"/>
      <c r="Q338" s="15"/>
      <c r="R338" s="15"/>
      <c r="S338" s="15"/>
      <c r="T338" s="56"/>
      <c r="U338" s="56"/>
      <c r="V338" s="56"/>
      <c r="W338" s="56"/>
      <c r="X338" s="56"/>
      <c r="Y338" s="56"/>
      <c r="Z338" s="56"/>
      <c r="AA338" s="56"/>
      <c r="AB338" s="56"/>
      <c r="AC338" s="56"/>
      <c r="AD338" s="56"/>
      <c r="AE338" s="56"/>
      <c r="AF338" s="56"/>
      <c r="AG338" s="56"/>
      <c r="AH338" s="56"/>
      <c r="AI338" s="56"/>
      <c r="AJ338" s="56"/>
      <c r="AK338" s="56"/>
      <c r="AL338" s="56"/>
      <c r="AM338" s="56"/>
      <c r="AN338" s="56"/>
      <c r="AO338" s="56"/>
      <c r="AP338" s="56"/>
      <c r="AQ338" s="56"/>
      <c r="AR338" s="56"/>
      <c r="AS338" s="56"/>
      <c r="AT338" s="56"/>
      <c r="AU338" s="56"/>
      <c r="AV338" s="56"/>
      <c r="AW338" s="56"/>
      <c r="AX338" s="56"/>
      <c r="AY338" s="56"/>
      <c r="AZ338" s="56"/>
      <c r="BA338" s="56"/>
    </row>
    <row r="339" spans="1:53" ht="15.75" customHeight="1">
      <c r="A339" s="56"/>
      <c r="B339" s="56"/>
      <c r="C339" s="56"/>
      <c r="D339" s="56"/>
      <c r="E339" s="56"/>
      <c r="F339" s="56"/>
      <c r="G339" s="56"/>
      <c r="H339" s="56"/>
      <c r="I339" s="56"/>
      <c r="J339" s="56"/>
      <c r="K339" s="56"/>
      <c r="L339" s="56"/>
      <c r="M339" s="56"/>
      <c r="N339" s="56"/>
      <c r="O339" s="56"/>
      <c r="P339" s="56"/>
      <c r="Q339" s="15"/>
      <c r="R339" s="15"/>
      <c r="S339" s="15"/>
      <c r="T339" s="56"/>
      <c r="U339" s="56"/>
      <c r="V339" s="56"/>
      <c r="W339" s="56"/>
      <c r="X339" s="56"/>
      <c r="Y339" s="56"/>
      <c r="Z339" s="56"/>
      <c r="AA339" s="56"/>
      <c r="AB339" s="56"/>
      <c r="AC339" s="56"/>
      <c r="AD339" s="56"/>
      <c r="AE339" s="56"/>
      <c r="AF339" s="56"/>
      <c r="AG339" s="56"/>
      <c r="AH339" s="56"/>
      <c r="AI339" s="56"/>
      <c r="AJ339" s="56"/>
      <c r="AK339" s="56"/>
      <c r="AL339" s="56"/>
      <c r="AM339" s="56"/>
      <c r="AN339" s="56"/>
      <c r="AO339" s="56"/>
      <c r="AP339" s="56"/>
      <c r="AQ339" s="56"/>
      <c r="AR339" s="56"/>
      <c r="AS339" s="56"/>
      <c r="AT339" s="56"/>
      <c r="AU339" s="56"/>
      <c r="AV339" s="56"/>
      <c r="AW339" s="56"/>
      <c r="AX339" s="56"/>
      <c r="AY339" s="56"/>
      <c r="AZ339" s="56"/>
      <c r="BA339" s="56"/>
    </row>
    <row r="340" spans="1:53" ht="15.75" customHeight="1">
      <c r="A340" s="56"/>
      <c r="B340" s="56"/>
      <c r="C340" s="56"/>
      <c r="D340" s="56"/>
      <c r="E340" s="56"/>
      <c r="F340" s="56"/>
      <c r="G340" s="56"/>
      <c r="H340" s="56"/>
      <c r="I340" s="56"/>
      <c r="J340" s="56"/>
      <c r="K340" s="56"/>
      <c r="L340" s="56"/>
      <c r="M340" s="56"/>
      <c r="N340" s="56"/>
      <c r="O340" s="56"/>
      <c r="P340" s="56"/>
      <c r="Q340" s="15"/>
      <c r="R340" s="15"/>
      <c r="S340" s="15"/>
      <c r="T340" s="56"/>
      <c r="U340" s="56"/>
      <c r="V340" s="56"/>
      <c r="W340" s="56"/>
      <c r="X340" s="56"/>
      <c r="Y340" s="56"/>
      <c r="Z340" s="56"/>
      <c r="AA340" s="56"/>
      <c r="AB340" s="56"/>
      <c r="AC340" s="56"/>
      <c r="AD340" s="56"/>
      <c r="AE340" s="56"/>
      <c r="AF340" s="56"/>
      <c r="AG340" s="56"/>
      <c r="AH340" s="56"/>
      <c r="AI340" s="56"/>
      <c r="AJ340" s="56"/>
      <c r="AK340" s="56"/>
      <c r="AL340" s="56"/>
      <c r="AM340" s="56"/>
      <c r="AN340" s="56"/>
      <c r="AO340" s="56"/>
      <c r="AP340" s="56"/>
      <c r="AQ340" s="56"/>
      <c r="AR340" s="56"/>
      <c r="AS340" s="56"/>
      <c r="AT340" s="56"/>
      <c r="AU340" s="56"/>
      <c r="AV340" s="56"/>
      <c r="AW340" s="56"/>
      <c r="AX340" s="56"/>
      <c r="AY340" s="56"/>
      <c r="AZ340" s="56"/>
      <c r="BA340" s="56"/>
    </row>
    <row r="341" spans="1:53" ht="15.75" customHeight="1">
      <c r="A341" s="56"/>
      <c r="B341" s="56"/>
      <c r="C341" s="56"/>
      <c r="D341" s="56"/>
      <c r="E341" s="56"/>
      <c r="F341" s="56"/>
      <c r="G341" s="56"/>
      <c r="H341" s="56"/>
      <c r="I341" s="56"/>
      <c r="J341" s="56"/>
      <c r="K341" s="56"/>
      <c r="L341" s="56"/>
      <c r="M341" s="56"/>
      <c r="N341" s="56"/>
      <c r="O341" s="56"/>
      <c r="P341" s="56"/>
      <c r="Q341" s="15"/>
      <c r="R341" s="15"/>
      <c r="S341" s="15"/>
      <c r="T341" s="56"/>
      <c r="U341" s="56"/>
      <c r="V341" s="56"/>
      <c r="W341" s="56"/>
      <c r="X341" s="56"/>
      <c r="Y341" s="56"/>
      <c r="Z341" s="56"/>
      <c r="AA341" s="56"/>
      <c r="AB341" s="56"/>
      <c r="AC341" s="56"/>
      <c r="AD341" s="56"/>
      <c r="AE341" s="56"/>
      <c r="AF341" s="56"/>
      <c r="AG341" s="56"/>
      <c r="AH341" s="56"/>
      <c r="AI341" s="56"/>
      <c r="AJ341" s="56"/>
      <c r="AK341" s="56"/>
      <c r="AL341" s="56"/>
      <c r="AM341" s="56"/>
      <c r="AN341" s="56"/>
      <c r="AO341" s="56"/>
      <c r="AP341" s="56"/>
      <c r="AQ341" s="56"/>
      <c r="AR341" s="56"/>
      <c r="AS341" s="56"/>
      <c r="AT341" s="56"/>
      <c r="AU341" s="56"/>
      <c r="AV341" s="56"/>
      <c r="AW341" s="56"/>
      <c r="AX341" s="56"/>
      <c r="AY341" s="56"/>
      <c r="AZ341" s="56"/>
      <c r="BA341" s="56"/>
    </row>
    <row r="342" spans="1:53" ht="15.75" customHeight="1">
      <c r="A342" s="56"/>
      <c r="B342" s="56"/>
      <c r="C342" s="56"/>
      <c r="D342" s="56"/>
      <c r="E342" s="56"/>
      <c r="F342" s="56"/>
      <c r="G342" s="56"/>
      <c r="H342" s="56"/>
      <c r="I342" s="56"/>
      <c r="J342" s="56"/>
      <c r="K342" s="56"/>
      <c r="L342" s="56"/>
      <c r="M342" s="56"/>
      <c r="N342" s="56"/>
      <c r="O342" s="56"/>
      <c r="P342" s="56"/>
      <c r="Q342" s="15"/>
      <c r="R342" s="15"/>
      <c r="S342" s="15"/>
      <c r="T342" s="56"/>
      <c r="U342" s="56"/>
      <c r="V342" s="56"/>
      <c r="W342" s="56"/>
      <c r="X342" s="56"/>
      <c r="Y342" s="56"/>
      <c r="Z342" s="56"/>
      <c r="AA342" s="56"/>
      <c r="AB342" s="56"/>
      <c r="AC342" s="56"/>
      <c r="AD342" s="56"/>
      <c r="AE342" s="56"/>
      <c r="AF342" s="56"/>
      <c r="AG342" s="56"/>
      <c r="AH342" s="56"/>
      <c r="AI342" s="56"/>
      <c r="AJ342" s="56"/>
      <c r="AK342" s="56"/>
      <c r="AL342" s="56"/>
      <c r="AM342" s="56"/>
      <c r="AN342" s="56"/>
      <c r="AO342" s="56"/>
      <c r="AP342" s="56"/>
      <c r="AQ342" s="56"/>
      <c r="AR342" s="56"/>
      <c r="AS342" s="56"/>
      <c r="AT342" s="56"/>
      <c r="AU342" s="56"/>
      <c r="AV342" s="56"/>
      <c r="AW342" s="56"/>
      <c r="AX342" s="56"/>
      <c r="AY342" s="56"/>
      <c r="AZ342" s="56"/>
      <c r="BA342" s="56"/>
    </row>
    <row r="343" spans="1:53" ht="15.75" customHeight="1">
      <c r="A343" s="56"/>
      <c r="B343" s="56"/>
      <c r="C343" s="56"/>
      <c r="D343" s="56"/>
      <c r="E343" s="56"/>
      <c r="F343" s="56"/>
      <c r="G343" s="56"/>
      <c r="H343" s="56"/>
      <c r="I343" s="56"/>
      <c r="J343" s="56"/>
      <c r="K343" s="56"/>
      <c r="L343" s="56"/>
      <c r="M343" s="56"/>
      <c r="N343" s="56"/>
      <c r="O343" s="56"/>
      <c r="P343" s="56"/>
      <c r="Q343" s="15"/>
      <c r="R343" s="15"/>
      <c r="S343" s="15"/>
      <c r="T343" s="56"/>
      <c r="U343" s="56"/>
      <c r="V343" s="56"/>
      <c r="W343" s="56"/>
      <c r="X343" s="56"/>
      <c r="Y343" s="56"/>
      <c r="Z343" s="56"/>
      <c r="AA343" s="56"/>
      <c r="AB343" s="56"/>
      <c r="AC343" s="56"/>
      <c r="AD343" s="56"/>
      <c r="AE343" s="56"/>
      <c r="AF343" s="56"/>
      <c r="AG343" s="56"/>
      <c r="AH343" s="56"/>
      <c r="AI343" s="56"/>
      <c r="AJ343" s="56"/>
      <c r="AK343" s="56"/>
      <c r="AL343" s="56"/>
      <c r="AM343" s="56"/>
      <c r="AN343" s="56"/>
      <c r="AO343" s="56"/>
      <c r="AP343" s="56"/>
      <c r="AQ343" s="56"/>
      <c r="AR343" s="56"/>
      <c r="AS343" s="56"/>
      <c r="AT343" s="56"/>
      <c r="AU343" s="56"/>
      <c r="AV343" s="56"/>
      <c r="AW343" s="56"/>
      <c r="AX343" s="56"/>
      <c r="AY343" s="56"/>
      <c r="AZ343" s="56"/>
      <c r="BA343" s="56"/>
    </row>
    <row r="344" spans="1:53" ht="15.75" customHeight="1">
      <c r="A344" s="56"/>
      <c r="B344" s="56"/>
      <c r="C344" s="56"/>
      <c r="D344" s="56"/>
      <c r="E344" s="56"/>
      <c r="F344" s="56"/>
      <c r="G344" s="56"/>
      <c r="H344" s="56"/>
      <c r="I344" s="56"/>
      <c r="J344" s="56"/>
      <c r="K344" s="56"/>
      <c r="L344" s="56"/>
      <c r="M344" s="56"/>
      <c r="N344" s="56"/>
      <c r="O344" s="56"/>
      <c r="P344" s="56"/>
      <c r="Q344" s="15"/>
      <c r="R344" s="15"/>
      <c r="S344" s="15"/>
      <c r="T344" s="56"/>
      <c r="U344" s="56"/>
      <c r="V344" s="56"/>
      <c r="W344" s="56"/>
      <c r="X344" s="56"/>
      <c r="Y344" s="56"/>
      <c r="Z344" s="56"/>
      <c r="AA344" s="56"/>
      <c r="AB344" s="56"/>
      <c r="AC344" s="56"/>
      <c r="AD344" s="56"/>
      <c r="AE344" s="56"/>
      <c r="AF344" s="56"/>
      <c r="AG344" s="56"/>
      <c r="AH344" s="56"/>
      <c r="AI344" s="56"/>
      <c r="AJ344" s="56"/>
      <c r="AK344" s="56"/>
      <c r="AL344" s="56"/>
      <c r="AM344" s="56"/>
      <c r="AN344" s="56"/>
      <c r="AO344" s="56"/>
      <c r="AP344" s="56"/>
      <c r="AQ344" s="56"/>
      <c r="AR344" s="56"/>
      <c r="AS344" s="56"/>
      <c r="AT344" s="56"/>
      <c r="AU344" s="56"/>
      <c r="AV344" s="56"/>
      <c r="AW344" s="56"/>
      <c r="AX344" s="56"/>
      <c r="AY344" s="56"/>
      <c r="AZ344" s="56"/>
      <c r="BA344" s="56"/>
    </row>
    <row r="345" spans="1:53" ht="15.75" customHeight="1">
      <c r="A345" s="56"/>
      <c r="B345" s="56"/>
      <c r="C345" s="56"/>
      <c r="D345" s="56"/>
      <c r="E345" s="56"/>
      <c r="F345" s="56"/>
      <c r="G345" s="56"/>
      <c r="H345" s="56"/>
      <c r="I345" s="56"/>
      <c r="J345" s="56"/>
      <c r="K345" s="56"/>
      <c r="L345" s="56"/>
      <c r="M345" s="56"/>
      <c r="N345" s="56"/>
      <c r="O345" s="56"/>
      <c r="P345" s="56"/>
      <c r="Q345" s="15"/>
      <c r="R345" s="15"/>
      <c r="S345" s="15"/>
      <c r="T345" s="56"/>
      <c r="U345" s="56"/>
      <c r="V345" s="56"/>
      <c r="W345" s="56"/>
      <c r="X345" s="56"/>
      <c r="Y345" s="56"/>
      <c r="Z345" s="56"/>
      <c r="AA345" s="56"/>
      <c r="AB345" s="56"/>
      <c r="AC345" s="56"/>
      <c r="AD345" s="56"/>
      <c r="AE345" s="56"/>
      <c r="AF345" s="56"/>
      <c r="AG345" s="56"/>
      <c r="AH345" s="56"/>
      <c r="AI345" s="56"/>
      <c r="AJ345" s="56"/>
      <c r="AK345" s="56"/>
      <c r="AL345" s="56"/>
      <c r="AM345" s="56"/>
      <c r="AN345" s="56"/>
      <c r="AO345" s="56"/>
      <c r="AP345" s="56"/>
      <c r="AQ345" s="56"/>
      <c r="AR345" s="56"/>
      <c r="AS345" s="56"/>
      <c r="AT345" s="56"/>
      <c r="AU345" s="56"/>
      <c r="AV345" s="56"/>
      <c r="AW345" s="56"/>
      <c r="AX345" s="56"/>
      <c r="AY345" s="56"/>
      <c r="AZ345" s="56"/>
      <c r="BA345" s="56"/>
    </row>
    <row r="346" spans="1:53" ht="15.75" customHeight="1">
      <c r="A346" s="56"/>
      <c r="B346" s="56"/>
      <c r="C346" s="56"/>
      <c r="D346" s="56"/>
      <c r="E346" s="56"/>
      <c r="F346" s="56"/>
      <c r="G346" s="56"/>
      <c r="H346" s="56"/>
      <c r="I346" s="56"/>
      <c r="J346" s="56"/>
      <c r="K346" s="56"/>
      <c r="L346" s="56"/>
      <c r="M346" s="56"/>
      <c r="N346" s="56"/>
      <c r="O346" s="56"/>
      <c r="P346" s="56"/>
      <c r="Q346" s="15"/>
      <c r="R346" s="15"/>
      <c r="S346" s="15"/>
      <c r="T346" s="56"/>
      <c r="U346" s="56"/>
      <c r="V346" s="56"/>
      <c r="W346" s="56"/>
      <c r="X346" s="56"/>
      <c r="Y346" s="56"/>
      <c r="Z346" s="56"/>
      <c r="AA346" s="56"/>
      <c r="AB346" s="56"/>
      <c r="AC346" s="56"/>
      <c r="AD346" s="56"/>
      <c r="AE346" s="56"/>
      <c r="AF346" s="56"/>
      <c r="AG346" s="56"/>
      <c r="AH346" s="56"/>
      <c r="AI346" s="56"/>
      <c r="AJ346" s="56"/>
      <c r="AK346" s="56"/>
      <c r="AL346" s="56"/>
      <c r="AM346" s="56"/>
      <c r="AN346" s="56"/>
      <c r="AO346" s="56"/>
      <c r="AP346" s="56"/>
      <c r="AQ346" s="56"/>
      <c r="AR346" s="56"/>
      <c r="AS346" s="56"/>
      <c r="AT346" s="56"/>
      <c r="AU346" s="56"/>
      <c r="AV346" s="56"/>
      <c r="AW346" s="56"/>
      <c r="AX346" s="56"/>
      <c r="AY346" s="56"/>
      <c r="AZ346" s="56"/>
      <c r="BA346" s="56"/>
    </row>
    <row r="347" spans="1:53" ht="15.75" customHeight="1">
      <c r="A347" s="56"/>
      <c r="B347" s="56"/>
      <c r="C347" s="56"/>
      <c r="D347" s="56"/>
      <c r="E347" s="56"/>
      <c r="F347" s="56"/>
      <c r="G347" s="56"/>
      <c r="H347" s="56"/>
      <c r="I347" s="56"/>
      <c r="J347" s="56"/>
      <c r="K347" s="56"/>
      <c r="L347" s="56"/>
      <c r="M347" s="56"/>
      <c r="N347" s="56"/>
      <c r="O347" s="56"/>
      <c r="P347" s="56"/>
      <c r="Q347" s="15"/>
      <c r="R347" s="15"/>
      <c r="S347" s="15"/>
      <c r="T347" s="56"/>
      <c r="U347" s="56"/>
      <c r="V347" s="56"/>
      <c r="W347" s="56"/>
      <c r="X347" s="56"/>
      <c r="Y347" s="56"/>
      <c r="Z347" s="56"/>
      <c r="AA347" s="56"/>
      <c r="AB347" s="56"/>
      <c r="AC347" s="56"/>
      <c r="AD347" s="56"/>
      <c r="AE347" s="56"/>
      <c r="AF347" s="56"/>
      <c r="AG347" s="56"/>
      <c r="AH347" s="56"/>
      <c r="AI347" s="56"/>
      <c r="AJ347" s="56"/>
      <c r="AK347" s="56"/>
      <c r="AL347" s="56"/>
      <c r="AM347" s="56"/>
      <c r="AN347" s="56"/>
      <c r="AO347" s="56"/>
      <c r="AP347" s="56"/>
      <c r="AQ347" s="56"/>
      <c r="AR347" s="56"/>
      <c r="AS347" s="56"/>
      <c r="AT347" s="56"/>
      <c r="AU347" s="56"/>
      <c r="AV347" s="56"/>
      <c r="AW347" s="56"/>
      <c r="AX347" s="56"/>
      <c r="AY347" s="56"/>
      <c r="AZ347" s="56"/>
      <c r="BA347" s="56"/>
    </row>
    <row r="348" spans="1:53" ht="15.75" customHeight="1">
      <c r="A348" s="56"/>
      <c r="B348" s="56"/>
      <c r="C348" s="56"/>
      <c r="D348" s="56"/>
      <c r="E348" s="56"/>
      <c r="F348" s="56"/>
      <c r="G348" s="56"/>
      <c r="H348" s="56"/>
      <c r="I348" s="56"/>
      <c r="J348" s="56"/>
      <c r="K348" s="56"/>
      <c r="L348" s="56"/>
      <c r="M348" s="56"/>
      <c r="N348" s="56"/>
      <c r="O348" s="56"/>
      <c r="P348" s="56"/>
      <c r="Q348" s="15"/>
      <c r="R348" s="15"/>
      <c r="S348" s="15"/>
      <c r="T348" s="56"/>
      <c r="U348" s="56"/>
      <c r="V348" s="56"/>
      <c r="W348" s="56"/>
      <c r="X348" s="56"/>
      <c r="Y348" s="56"/>
      <c r="Z348" s="56"/>
      <c r="AA348" s="56"/>
      <c r="AB348" s="56"/>
      <c r="AC348" s="56"/>
      <c r="AD348" s="56"/>
      <c r="AE348" s="56"/>
      <c r="AF348" s="56"/>
      <c r="AG348" s="56"/>
      <c r="AH348" s="56"/>
      <c r="AI348" s="56"/>
      <c r="AJ348" s="56"/>
      <c r="AK348" s="56"/>
      <c r="AL348" s="56"/>
      <c r="AM348" s="56"/>
      <c r="AN348" s="56"/>
      <c r="AO348" s="56"/>
      <c r="AP348" s="56"/>
      <c r="AQ348" s="56"/>
      <c r="AR348" s="56"/>
      <c r="AS348" s="56"/>
      <c r="AT348" s="56"/>
      <c r="AU348" s="56"/>
      <c r="AV348" s="56"/>
      <c r="AW348" s="56"/>
      <c r="AX348" s="56"/>
      <c r="AY348" s="56"/>
      <c r="AZ348" s="56"/>
      <c r="BA348" s="56"/>
    </row>
    <row r="349" spans="1:53" ht="15.75" customHeight="1">
      <c r="A349" s="56"/>
      <c r="B349" s="56"/>
      <c r="C349" s="56"/>
      <c r="D349" s="56"/>
      <c r="E349" s="56"/>
      <c r="F349" s="56"/>
      <c r="G349" s="56"/>
      <c r="H349" s="56"/>
      <c r="I349" s="56"/>
      <c r="J349" s="56"/>
      <c r="K349" s="56"/>
      <c r="L349" s="56"/>
      <c r="M349" s="56"/>
      <c r="N349" s="56"/>
      <c r="O349" s="56"/>
      <c r="P349" s="56"/>
      <c r="Q349" s="15"/>
      <c r="R349" s="15"/>
      <c r="S349" s="15"/>
      <c r="T349" s="56"/>
      <c r="U349" s="56"/>
      <c r="V349" s="56"/>
      <c r="W349" s="56"/>
      <c r="X349" s="56"/>
      <c r="Y349" s="56"/>
      <c r="Z349" s="56"/>
      <c r="AA349" s="56"/>
      <c r="AB349" s="56"/>
      <c r="AC349" s="56"/>
      <c r="AD349" s="56"/>
      <c r="AE349" s="56"/>
      <c r="AF349" s="56"/>
      <c r="AG349" s="56"/>
      <c r="AH349" s="56"/>
      <c r="AI349" s="56"/>
      <c r="AJ349" s="56"/>
      <c r="AK349" s="56"/>
      <c r="AL349" s="56"/>
      <c r="AM349" s="56"/>
      <c r="AN349" s="56"/>
      <c r="AO349" s="56"/>
      <c r="AP349" s="56"/>
      <c r="AQ349" s="56"/>
      <c r="AR349" s="56"/>
      <c r="AS349" s="56"/>
      <c r="AT349" s="56"/>
      <c r="AU349" s="56"/>
      <c r="AV349" s="56"/>
      <c r="AW349" s="56"/>
      <c r="AX349" s="56"/>
      <c r="AY349" s="56"/>
      <c r="AZ349" s="56"/>
      <c r="BA349" s="56"/>
    </row>
    <row r="350" spans="1:53" ht="15.75" customHeight="1">
      <c r="A350" s="56"/>
      <c r="B350" s="56"/>
      <c r="C350" s="56"/>
      <c r="D350" s="56"/>
      <c r="E350" s="56"/>
      <c r="F350" s="56"/>
      <c r="G350" s="56"/>
      <c r="H350" s="56"/>
      <c r="I350" s="56"/>
      <c r="J350" s="56"/>
      <c r="K350" s="56"/>
      <c r="L350" s="56"/>
      <c r="M350" s="56"/>
      <c r="N350" s="56"/>
      <c r="O350" s="56"/>
      <c r="P350" s="56"/>
      <c r="Q350" s="15"/>
      <c r="R350" s="15"/>
      <c r="S350" s="15"/>
      <c r="T350" s="56"/>
      <c r="U350" s="56"/>
      <c r="V350" s="56"/>
      <c r="W350" s="56"/>
      <c r="X350" s="56"/>
      <c r="Y350" s="56"/>
      <c r="Z350" s="56"/>
      <c r="AA350" s="56"/>
      <c r="AB350" s="56"/>
      <c r="AC350" s="56"/>
      <c r="AD350" s="56"/>
      <c r="AE350" s="56"/>
      <c r="AF350" s="56"/>
      <c r="AG350" s="56"/>
      <c r="AH350" s="56"/>
      <c r="AI350" s="56"/>
      <c r="AJ350" s="56"/>
      <c r="AK350" s="56"/>
      <c r="AL350" s="56"/>
      <c r="AM350" s="56"/>
      <c r="AN350" s="56"/>
      <c r="AO350" s="56"/>
      <c r="AP350" s="56"/>
      <c r="AQ350" s="56"/>
      <c r="AR350" s="56"/>
      <c r="AS350" s="56"/>
      <c r="AT350" s="56"/>
      <c r="AU350" s="56"/>
      <c r="AV350" s="56"/>
      <c r="AW350" s="56"/>
      <c r="AX350" s="56"/>
      <c r="AY350" s="56"/>
      <c r="AZ350" s="56"/>
      <c r="BA350" s="56"/>
    </row>
    <row r="351" spans="1:53" ht="15.75" customHeight="1">
      <c r="A351" s="56"/>
      <c r="B351" s="56"/>
      <c r="C351" s="56"/>
      <c r="D351" s="56"/>
      <c r="E351" s="56"/>
      <c r="F351" s="56"/>
      <c r="G351" s="56"/>
      <c r="H351" s="56"/>
      <c r="I351" s="56"/>
      <c r="J351" s="56"/>
      <c r="K351" s="56"/>
      <c r="L351" s="56"/>
      <c r="M351" s="56"/>
      <c r="N351" s="56"/>
      <c r="O351" s="56"/>
      <c r="P351" s="56"/>
      <c r="Q351" s="15"/>
      <c r="R351" s="15"/>
      <c r="S351" s="15"/>
      <c r="T351" s="56"/>
      <c r="U351" s="56"/>
      <c r="V351" s="56"/>
      <c r="W351" s="56"/>
      <c r="X351" s="56"/>
      <c r="Y351" s="56"/>
      <c r="Z351" s="56"/>
      <c r="AA351" s="56"/>
      <c r="AB351" s="56"/>
      <c r="AC351" s="56"/>
      <c r="AD351" s="56"/>
      <c r="AE351" s="56"/>
      <c r="AF351" s="56"/>
      <c r="AG351" s="56"/>
      <c r="AH351" s="56"/>
      <c r="AI351" s="56"/>
      <c r="AJ351" s="56"/>
      <c r="AK351" s="56"/>
      <c r="AL351" s="56"/>
      <c r="AM351" s="56"/>
      <c r="AN351" s="56"/>
      <c r="AO351" s="56"/>
      <c r="AP351" s="56"/>
      <c r="AQ351" s="56"/>
      <c r="AR351" s="56"/>
      <c r="AS351" s="56"/>
      <c r="AT351" s="56"/>
      <c r="AU351" s="56"/>
      <c r="AV351" s="56"/>
      <c r="AW351" s="56"/>
      <c r="AX351" s="56"/>
      <c r="AY351" s="56"/>
      <c r="AZ351" s="56"/>
      <c r="BA351" s="56"/>
    </row>
    <row r="352" spans="1:53" ht="15.75" customHeight="1">
      <c r="A352" s="56"/>
      <c r="B352" s="56"/>
      <c r="C352" s="56"/>
      <c r="D352" s="56"/>
      <c r="E352" s="56"/>
      <c r="F352" s="56"/>
      <c r="G352" s="56"/>
      <c r="H352" s="56"/>
      <c r="I352" s="56"/>
      <c r="J352" s="56"/>
      <c r="K352" s="56"/>
      <c r="L352" s="56"/>
      <c r="M352" s="56"/>
      <c r="N352" s="56"/>
      <c r="O352" s="56"/>
      <c r="P352" s="56"/>
      <c r="Q352" s="15"/>
      <c r="R352" s="15"/>
      <c r="S352" s="15"/>
      <c r="T352" s="56"/>
      <c r="U352" s="56"/>
      <c r="V352" s="56"/>
      <c r="W352" s="56"/>
      <c r="X352" s="56"/>
      <c r="Y352" s="56"/>
      <c r="Z352" s="56"/>
      <c r="AA352" s="56"/>
      <c r="AB352" s="56"/>
      <c r="AC352" s="56"/>
      <c r="AD352" s="56"/>
      <c r="AE352" s="56"/>
      <c r="AF352" s="56"/>
      <c r="AG352" s="56"/>
      <c r="AH352" s="56"/>
      <c r="AI352" s="56"/>
      <c r="AJ352" s="56"/>
      <c r="AK352" s="56"/>
      <c r="AL352" s="56"/>
      <c r="AM352" s="56"/>
      <c r="AN352" s="56"/>
      <c r="AO352" s="56"/>
      <c r="AP352" s="56"/>
      <c r="AQ352" s="56"/>
      <c r="AR352" s="56"/>
      <c r="AS352" s="56"/>
      <c r="AT352" s="56"/>
      <c r="AU352" s="56"/>
      <c r="AV352" s="56"/>
      <c r="AW352" s="56"/>
      <c r="AX352" s="56"/>
      <c r="AY352" s="56"/>
      <c r="AZ352" s="56"/>
      <c r="BA352" s="56"/>
    </row>
    <row r="353" spans="1:53" ht="15.75" customHeight="1">
      <c r="A353" s="56"/>
      <c r="B353" s="56"/>
      <c r="C353" s="56"/>
      <c r="D353" s="56"/>
      <c r="E353" s="56"/>
      <c r="F353" s="56"/>
      <c r="G353" s="56"/>
      <c r="H353" s="56"/>
      <c r="I353" s="56"/>
      <c r="J353" s="56"/>
      <c r="K353" s="56"/>
      <c r="L353" s="56"/>
      <c r="M353" s="56"/>
      <c r="N353" s="56"/>
      <c r="O353" s="56"/>
      <c r="P353" s="56"/>
      <c r="Q353" s="15"/>
      <c r="R353" s="15"/>
      <c r="S353" s="15"/>
      <c r="T353" s="56"/>
      <c r="U353" s="56"/>
      <c r="V353" s="56"/>
      <c r="W353" s="56"/>
      <c r="X353" s="56"/>
      <c r="Y353" s="56"/>
      <c r="Z353" s="56"/>
      <c r="AA353" s="56"/>
      <c r="AB353" s="56"/>
      <c r="AC353" s="56"/>
      <c r="AD353" s="56"/>
      <c r="AE353" s="56"/>
      <c r="AF353" s="56"/>
      <c r="AG353" s="56"/>
      <c r="AH353" s="56"/>
      <c r="AI353" s="56"/>
      <c r="AJ353" s="56"/>
      <c r="AK353" s="56"/>
      <c r="AL353" s="56"/>
      <c r="AM353" s="56"/>
      <c r="AN353" s="56"/>
      <c r="AO353" s="56"/>
      <c r="AP353" s="56"/>
      <c r="AQ353" s="56"/>
      <c r="AR353" s="56"/>
      <c r="AS353" s="56"/>
      <c r="AT353" s="56"/>
      <c r="AU353" s="56"/>
      <c r="AV353" s="56"/>
      <c r="AW353" s="56"/>
      <c r="AX353" s="56"/>
      <c r="AY353" s="56"/>
      <c r="AZ353" s="56"/>
      <c r="BA353" s="56"/>
    </row>
    <row r="354" spans="1:53" ht="15.75" customHeight="1">
      <c r="A354" s="56"/>
      <c r="B354" s="56"/>
      <c r="C354" s="56"/>
      <c r="D354" s="56"/>
      <c r="E354" s="56"/>
      <c r="F354" s="56"/>
      <c r="G354" s="56"/>
      <c r="H354" s="56"/>
      <c r="I354" s="56"/>
      <c r="J354" s="56"/>
      <c r="K354" s="56"/>
      <c r="L354" s="56"/>
      <c r="M354" s="56"/>
      <c r="N354" s="56"/>
      <c r="O354" s="56"/>
      <c r="P354" s="56"/>
      <c r="Q354" s="15"/>
      <c r="R354" s="15"/>
      <c r="S354" s="15"/>
      <c r="T354" s="56"/>
      <c r="U354" s="56"/>
      <c r="V354" s="56"/>
      <c r="W354" s="56"/>
      <c r="X354" s="56"/>
      <c r="Y354" s="56"/>
      <c r="Z354" s="56"/>
      <c r="AA354" s="56"/>
      <c r="AB354" s="56"/>
      <c r="AC354" s="56"/>
      <c r="AD354" s="56"/>
      <c r="AE354" s="56"/>
      <c r="AF354" s="56"/>
      <c r="AG354" s="56"/>
      <c r="AH354" s="56"/>
      <c r="AI354" s="56"/>
      <c r="AJ354" s="56"/>
      <c r="AK354" s="56"/>
      <c r="AL354" s="56"/>
      <c r="AM354" s="56"/>
      <c r="AN354" s="56"/>
      <c r="AO354" s="56"/>
      <c r="AP354" s="56"/>
      <c r="AQ354" s="56"/>
      <c r="AR354" s="56"/>
      <c r="AS354" s="56"/>
      <c r="AT354" s="56"/>
      <c r="AU354" s="56"/>
      <c r="AV354" s="56"/>
      <c r="AW354" s="56"/>
      <c r="AX354" s="56"/>
      <c r="AY354" s="56"/>
      <c r="AZ354" s="56"/>
      <c r="BA354" s="56"/>
    </row>
    <row r="355" spans="1:53" ht="15.75" customHeight="1">
      <c r="A355" s="56"/>
      <c r="B355" s="56"/>
      <c r="C355" s="56"/>
      <c r="D355" s="56"/>
      <c r="E355" s="56"/>
      <c r="F355" s="56"/>
      <c r="G355" s="56"/>
      <c r="H355" s="56"/>
      <c r="I355" s="56"/>
      <c r="J355" s="56"/>
      <c r="K355" s="56"/>
      <c r="L355" s="56"/>
      <c r="M355" s="56"/>
      <c r="N355" s="56"/>
      <c r="O355" s="56"/>
      <c r="P355" s="56"/>
      <c r="Q355" s="15"/>
      <c r="R355" s="15"/>
      <c r="S355" s="15"/>
      <c r="T355" s="56"/>
      <c r="U355" s="56"/>
      <c r="V355" s="56"/>
      <c r="W355" s="56"/>
      <c r="X355" s="56"/>
      <c r="Y355" s="56"/>
      <c r="Z355" s="56"/>
      <c r="AA355" s="56"/>
      <c r="AB355" s="56"/>
      <c r="AC355" s="56"/>
      <c r="AD355" s="56"/>
      <c r="AE355" s="56"/>
      <c r="AF355" s="56"/>
      <c r="AG355" s="56"/>
      <c r="AH355" s="56"/>
      <c r="AI355" s="56"/>
      <c r="AJ355" s="56"/>
      <c r="AK355" s="56"/>
      <c r="AL355" s="56"/>
      <c r="AM355" s="56"/>
      <c r="AN355" s="56"/>
      <c r="AO355" s="56"/>
      <c r="AP355" s="56"/>
      <c r="AQ355" s="56"/>
      <c r="AR355" s="56"/>
      <c r="AS355" s="56"/>
      <c r="AT355" s="56"/>
      <c r="AU355" s="56"/>
      <c r="AV355" s="56"/>
      <c r="AW355" s="56"/>
      <c r="AX355" s="56"/>
      <c r="AY355" s="56"/>
      <c r="AZ355" s="56"/>
      <c r="BA355" s="56"/>
    </row>
    <row r="356" spans="1:53" ht="15.75" customHeight="1">
      <c r="A356" s="56"/>
      <c r="B356" s="56"/>
      <c r="C356" s="56"/>
      <c r="D356" s="56"/>
      <c r="E356" s="56"/>
      <c r="F356" s="56"/>
      <c r="G356" s="56"/>
      <c r="H356" s="56"/>
      <c r="I356" s="56"/>
      <c r="J356" s="56"/>
      <c r="K356" s="56"/>
      <c r="L356" s="56"/>
      <c r="M356" s="56"/>
      <c r="N356" s="56"/>
      <c r="O356" s="56"/>
      <c r="P356" s="56"/>
      <c r="Q356" s="15"/>
      <c r="R356" s="15"/>
      <c r="S356" s="15"/>
      <c r="T356" s="56"/>
      <c r="U356" s="56"/>
      <c r="V356" s="56"/>
      <c r="W356" s="56"/>
      <c r="X356" s="56"/>
      <c r="Y356" s="56"/>
      <c r="Z356" s="56"/>
      <c r="AA356" s="56"/>
      <c r="AB356" s="56"/>
      <c r="AC356" s="56"/>
      <c r="AD356" s="56"/>
      <c r="AE356" s="56"/>
      <c r="AF356" s="56"/>
      <c r="AG356" s="56"/>
      <c r="AH356" s="56"/>
      <c r="AI356" s="56"/>
      <c r="AJ356" s="56"/>
      <c r="AK356" s="56"/>
      <c r="AL356" s="56"/>
      <c r="AM356" s="56"/>
      <c r="AN356" s="56"/>
      <c r="AO356" s="56"/>
      <c r="AP356" s="56"/>
      <c r="AQ356" s="56"/>
      <c r="AR356" s="56"/>
      <c r="AS356" s="56"/>
      <c r="AT356" s="56"/>
      <c r="AU356" s="56"/>
      <c r="AV356" s="56"/>
      <c r="AW356" s="56"/>
      <c r="AX356" s="56"/>
      <c r="AY356" s="56"/>
      <c r="AZ356" s="56"/>
      <c r="BA356" s="56"/>
    </row>
    <row r="357" spans="1:53" ht="15.75" customHeight="1">
      <c r="A357" s="56"/>
      <c r="B357" s="56"/>
      <c r="C357" s="56"/>
      <c r="D357" s="56"/>
      <c r="E357" s="56"/>
      <c r="F357" s="56"/>
      <c r="G357" s="56"/>
      <c r="H357" s="56"/>
      <c r="I357" s="56"/>
      <c r="J357" s="56"/>
      <c r="K357" s="56"/>
      <c r="L357" s="56"/>
      <c r="M357" s="56"/>
      <c r="N357" s="56"/>
      <c r="O357" s="56"/>
      <c r="P357" s="56"/>
      <c r="Q357" s="15"/>
      <c r="R357" s="15"/>
      <c r="S357" s="15"/>
      <c r="T357" s="56"/>
      <c r="U357" s="56"/>
      <c r="V357" s="56"/>
      <c r="W357" s="56"/>
      <c r="X357" s="56"/>
      <c r="Y357" s="56"/>
      <c r="Z357" s="56"/>
      <c r="AA357" s="56"/>
      <c r="AB357" s="56"/>
      <c r="AC357" s="56"/>
      <c r="AD357" s="56"/>
      <c r="AE357" s="56"/>
      <c r="AF357" s="56"/>
      <c r="AG357" s="56"/>
      <c r="AH357" s="56"/>
      <c r="AI357" s="56"/>
      <c r="AJ357" s="56"/>
      <c r="AK357" s="56"/>
      <c r="AL357" s="56"/>
      <c r="AM357" s="56"/>
      <c r="AN357" s="56"/>
      <c r="AO357" s="56"/>
      <c r="AP357" s="56"/>
      <c r="AQ357" s="56"/>
      <c r="AR357" s="56"/>
      <c r="AS357" s="56"/>
      <c r="AT357" s="56"/>
      <c r="AU357" s="56"/>
      <c r="AV357" s="56"/>
      <c r="AW357" s="56"/>
      <c r="AX357" s="56"/>
      <c r="AY357" s="56"/>
      <c r="AZ357" s="56"/>
      <c r="BA357" s="56"/>
    </row>
    <row r="358" spans="1:53" ht="15.75" customHeight="1">
      <c r="A358" s="56"/>
      <c r="B358" s="56"/>
      <c r="C358" s="56"/>
      <c r="D358" s="56"/>
      <c r="E358" s="56"/>
      <c r="F358" s="56"/>
      <c r="G358" s="56"/>
      <c r="H358" s="56"/>
      <c r="I358" s="56"/>
      <c r="J358" s="56"/>
      <c r="K358" s="56"/>
      <c r="L358" s="56"/>
      <c r="M358" s="56"/>
      <c r="N358" s="56"/>
      <c r="O358" s="56"/>
      <c r="P358" s="56"/>
      <c r="Q358" s="15"/>
      <c r="R358" s="15"/>
      <c r="S358" s="15"/>
      <c r="T358" s="56"/>
      <c r="U358" s="56"/>
      <c r="V358" s="56"/>
      <c r="W358" s="56"/>
      <c r="X358" s="56"/>
      <c r="Y358" s="56"/>
      <c r="Z358" s="56"/>
      <c r="AA358" s="56"/>
      <c r="AB358" s="56"/>
      <c r="AC358" s="56"/>
      <c r="AD358" s="56"/>
      <c r="AE358" s="56"/>
      <c r="AF358" s="56"/>
      <c r="AG358" s="56"/>
      <c r="AH358" s="56"/>
      <c r="AI358" s="56"/>
      <c r="AJ358" s="56"/>
      <c r="AK358" s="56"/>
      <c r="AL358" s="56"/>
      <c r="AM358" s="56"/>
      <c r="AN358" s="56"/>
      <c r="AO358" s="56"/>
      <c r="AP358" s="56"/>
      <c r="AQ358" s="56"/>
      <c r="AR358" s="56"/>
      <c r="AS358" s="56"/>
      <c r="AT358" s="56"/>
      <c r="AU358" s="56"/>
      <c r="AV358" s="56"/>
      <c r="AW358" s="56"/>
      <c r="AX358" s="56"/>
      <c r="AY358" s="56"/>
      <c r="AZ358" s="56"/>
      <c r="BA358" s="56"/>
    </row>
    <row r="359" spans="1:53" ht="15.75" customHeight="1">
      <c r="A359" s="56"/>
      <c r="B359" s="56"/>
      <c r="C359" s="56"/>
      <c r="D359" s="56"/>
      <c r="E359" s="56"/>
      <c r="F359" s="56"/>
      <c r="G359" s="56"/>
      <c r="H359" s="56"/>
      <c r="I359" s="56"/>
      <c r="J359" s="56"/>
      <c r="K359" s="56"/>
      <c r="L359" s="56"/>
      <c r="M359" s="56"/>
      <c r="N359" s="56"/>
      <c r="O359" s="56"/>
      <c r="P359" s="56"/>
      <c r="Q359" s="15"/>
      <c r="R359" s="15"/>
      <c r="S359" s="15"/>
      <c r="T359" s="56"/>
      <c r="U359" s="56"/>
      <c r="V359" s="56"/>
      <c r="W359" s="56"/>
      <c r="X359" s="56"/>
      <c r="Y359" s="56"/>
      <c r="Z359" s="56"/>
      <c r="AA359" s="56"/>
      <c r="AB359" s="56"/>
      <c r="AC359" s="56"/>
      <c r="AD359" s="56"/>
      <c r="AE359" s="56"/>
      <c r="AF359" s="56"/>
      <c r="AG359" s="56"/>
      <c r="AH359" s="56"/>
      <c r="AI359" s="56"/>
      <c r="AJ359" s="56"/>
      <c r="AK359" s="56"/>
      <c r="AL359" s="56"/>
      <c r="AM359" s="56"/>
      <c r="AN359" s="56"/>
      <c r="AO359" s="56"/>
      <c r="AP359" s="56"/>
      <c r="AQ359" s="56"/>
      <c r="AR359" s="56"/>
      <c r="AS359" s="56"/>
      <c r="AT359" s="56"/>
      <c r="AU359" s="56"/>
      <c r="AV359" s="56"/>
      <c r="AW359" s="56"/>
      <c r="AX359" s="56"/>
      <c r="AY359" s="56"/>
      <c r="AZ359" s="56"/>
      <c r="BA359" s="56"/>
    </row>
    <row r="360" spans="1:53" ht="15.75" customHeight="1">
      <c r="A360" s="56"/>
      <c r="B360" s="56"/>
      <c r="C360" s="56"/>
      <c r="D360" s="56"/>
      <c r="E360" s="56"/>
      <c r="F360" s="56"/>
      <c r="G360" s="56"/>
      <c r="H360" s="56"/>
      <c r="I360" s="56"/>
      <c r="J360" s="56"/>
      <c r="K360" s="56"/>
      <c r="L360" s="56"/>
      <c r="M360" s="56"/>
      <c r="N360" s="56"/>
      <c r="O360" s="56"/>
      <c r="P360" s="56"/>
      <c r="Q360" s="15"/>
      <c r="R360" s="15"/>
      <c r="S360" s="15"/>
      <c r="T360" s="56"/>
      <c r="U360" s="56"/>
      <c r="V360" s="56"/>
      <c r="W360" s="56"/>
      <c r="X360" s="56"/>
      <c r="Y360" s="56"/>
      <c r="Z360" s="56"/>
      <c r="AA360" s="56"/>
      <c r="AB360" s="56"/>
      <c r="AC360" s="56"/>
      <c r="AD360" s="56"/>
      <c r="AE360" s="56"/>
      <c r="AF360" s="56"/>
      <c r="AG360" s="56"/>
      <c r="AH360" s="56"/>
      <c r="AI360" s="56"/>
      <c r="AJ360" s="56"/>
      <c r="AK360" s="56"/>
      <c r="AL360" s="56"/>
      <c r="AM360" s="56"/>
      <c r="AN360" s="56"/>
      <c r="AO360" s="56"/>
      <c r="AP360" s="56"/>
      <c r="AQ360" s="56"/>
      <c r="AR360" s="56"/>
      <c r="AS360" s="56"/>
      <c r="AT360" s="56"/>
      <c r="AU360" s="56"/>
      <c r="AV360" s="56"/>
      <c r="AW360" s="56"/>
      <c r="AX360" s="56"/>
      <c r="AY360" s="56"/>
      <c r="AZ360" s="56"/>
      <c r="BA360" s="56"/>
    </row>
    <row r="361" spans="1:53" ht="15.75" customHeight="1">
      <c r="A361" s="56"/>
      <c r="B361" s="56"/>
      <c r="C361" s="56"/>
      <c r="D361" s="56"/>
      <c r="E361" s="56"/>
      <c r="F361" s="56"/>
      <c r="G361" s="56"/>
      <c r="H361" s="56"/>
      <c r="I361" s="56"/>
      <c r="J361" s="56"/>
      <c r="K361" s="56"/>
      <c r="L361" s="56"/>
      <c r="M361" s="56"/>
      <c r="N361" s="56"/>
      <c r="O361" s="56"/>
      <c r="P361" s="56"/>
      <c r="Q361" s="15"/>
      <c r="R361" s="15"/>
      <c r="S361" s="15"/>
      <c r="T361" s="56"/>
      <c r="U361" s="56"/>
      <c r="V361" s="56"/>
      <c r="W361" s="56"/>
      <c r="X361" s="56"/>
      <c r="Y361" s="56"/>
      <c r="Z361" s="56"/>
      <c r="AA361" s="56"/>
      <c r="AB361" s="56"/>
      <c r="AC361" s="56"/>
      <c r="AD361" s="56"/>
      <c r="AE361" s="56"/>
      <c r="AF361" s="56"/>
      <c r="AG361" s="56"/>
      <c r="AH361" s="56"/>
      <c r="AI361" s="56"/>
      <c r="AJ361" s="56"/>
      <c r="AK361" s="56"/>
      <c r="AL361" s="56"/>
      <c r="AM361" s="56"/>
      <c r="AN361" s="56"/>
      <c r="AO361" s="56"/>
      <c r="AP361" s="56"/>
      <c r="AQ361" s="56"/>
      <c r="AR361" s="56"/>
      <c r="AS361" s="56"/>
      <c r="AT361" s="56"/>
      <c r="AU361" s="56"/>
      <c r="AV361" s="56"/>
      <c r="AW361" s="56"/>
      <c r="AX361" s="56"/>
      <c r="AY361" s="56"/>
      <c r="AZ361" s="56"/>
      <c r="BA361" s="56"/>
    </row>
    <row r="362" spans="1:53" ht="15.75" customHeight="1">
      <c r="A362" s="56"/>
      <c r="B362" s="56"/>
      <c r="C362" s="56"/>
      <c r="D362" s="56"/>
      <c r="E362" s="56"/>
      <c r="F362" s="56"/>
      <c r="G362" s="56"/>
      <c r="H362" s="56"/>
      <c r="I362" s="56"/>
      <c r="J362" s="56"/>
      <c r="K362" s="56"/>
      <c r="L362" s="56"/>
      <c r="M362" s="56"/>
      <c r="N362" s="56"/>
      <c r="O362" s="56"/>
      <c r="P362" s="56"/>
      <c r="Q362" s="15"/>
      <c r="R362" s="15"/>
      <c r="S362" s="15"/>
      <c r="T362" s="56"/>
      <c r="U362" s="56"/>
      <c r="V362" s="56"/>
      <c r="W362" s="56"/>
      <c r="X362" s="56"/>
      <c r="Y362" s="56"/>
      <c r="Z362" s="56"/>
      <c r="AA362" s="56"/>
      <c r="AB362" s="56"/>
      <c r="AC362" s="56"/>
      <c r="AD362" s="56"/>
      <c r="AE362" s="56"/>
      <c r="AF362" s="56"/>
      <c r="AG362" s="56"/>
      <c r="AH362" s="56"/>
      <c r="AI362" s="56"/>
      <c r="AJ362" s="56"/>
      <c r="AK362" s="56"/>
      <c r="AL362" s="56"/>
      <c r="AM362" s="56"/>
      <c r="AN362" s="56"/>
      <c r="AO362" s="56"/>
      <c r="AP362" s="56"/>
      <c r="AQ362" s="56"/>
      <c r="AR362" s="56"/>
      <c r="AS362" s="56"/>
      <c r="AT362" s="56"/>
      <c r="AU362" s="56"/>
      <c r="AV362" s="56"/>
      <c r="AW362" s="56"/>
      <c r="AX362" s="56"/>
      <c r="AY362" s="56"/>
      <c r="AZ362" s="56"/>
      <c r="BA362" s="56"/>
    </row>
    <row r="363" spans="1:53" ht="15.75" customHeight="1">
      <c r="A363" s="56"/>
      <c r="B363" s="56"/>
      <c r="C363" s="56"/>
      <c r="D363" s="56"/>
      <c r="E363" s="56"/>
      <c r="F363" s="56"/>
      <c r="G363" s="56"/>
      <c r="H363" s="56"/>
      <c r="I363" s="56"/>
      <c r="J363" s="56"/>
      <c r="K363" s="56"/>
      <c r="L363" s="56"/>
      <c r="M363" s="56"/>
      <c r="N363" s="56"/>
      <c r="O363" s="56"/>
      <c r="P363" s="56"/>
      <c r="Q363" s="15"/>
      <c r="R363" s="15"/>
      <c r="S363" s="15"/>
      <c r="T363" s="56"/>
      <c r="U363" s="56"/>
      <c r="V363" s="56"/>
      <c r="W363" s="56"/>
      <c r="X363" s="56"/>
      <c r="Y363" s="56"/>
      <c r="Z363" s="56"/>
      <c r="AA363" s="56"/>
      <c r="AB363" s="56"/>
      <c r="AC363" s="56"/>
      <c r="AD363" s="56"/>
      <c r="AE363" s="56"/>
      <c r="AF363" s="56"/>
      <c r="AG363" s="56"/>
      <c r="AH363" s="56"/>
      <c r="AI363" s="56"/>
      <c r="AJ363" s="56"/>
      <c r="AK363" s="56"/>
      <c r="AL363" s="56"/>
      <c r="AM363" s="56"/>
      <c r="AN363" s="56"/>
      <c r="AO363" s="56"/>
      <c r="AP363" s="56"/>
      <c r="AQ363" s="56"/>
      <c r="AR363" s="56"/>
      <c r="AS363" s="56"/>
      <c r="AT363" s="56"/>
      <c r="AU363" s="56"/>
      <c r="AV363" s="56"/>
      <c r="AW363" s="56"/>
      <c r="AX363" s="56"/>
      <c r="AY363" s="56"/>
      <c r="AZ363" s="56"/>
      <c r="BA363" s="56"/>
    </row>
    <row r="364" spans="1:53" ht="15.75" customHeight="1">
      <c r="A364" s="56"/>
      <c r="B364" s="56"/>
      <c r="C364" s="56"/>
      <c r="D364" s="56"/>
      <c r="E364" s="56"/>
      <c r="F364" s="56"/>
      <c r="G364" s="56"/>
      <c r="H364" s="56"/>
      <c r="I364" s="56"/>
      <c r="J364" s="56"/>
      <c r="K364" s="56"/>
      <c r="L364" s="56"/>
      <c r="M364" s="56"/>
      <c r="N364" s="56"/>
      <c r="O364" s="56"/>
      <c r="P364" s="56"/>
      <c r="Q364" s="15"/>
      <c r="R364" s="15"/>
      <c r="S364" s="15"/>
      <c r="T364" s="56"/>
      <c r="U364" s="56"/>
      <c r="V364" s="56"/>
      <c r="W364" s="56"/>
      <c r="X364" s="56"/>
      <c r="Y364" s="56"/>
      <c r="Z364" s="56"/>
      <c r="AA364" s="56"/>
      <c r="AB364" s="56"/>
      <c r="AC364" s="56"/>
      <c r="AD364" s="56"/>
      <c r="AE364" s="56"/>
      <c r="AF364" s="56"/>
      <c r="AG364" s="56"/>
      <c r="AH364" s="56"/>
      <c r="AI364" s="56"/>
      <c r="AJ364" s="56"/>
      <c r="AK364" s="56"/>
      <c r="AL364" s="56"/>
      <c r="AM364" s="56"/>
      <c r="AN364" s="56"/>
      <c r="AO364" s="56"/>
      <c r="AP364" s="56"/>
      <c r="AQ364" s="56"/>
      <c r="AR364" s="56"/>
      <c r="AS364" s="56"/>
      <c r="AT364" s="56"/>
      <c r="AU364" s="56"/>
      <c r="AV364" s="56"/>
      <c r="AW364" s="56"/>
      <c r="AX364" s="56"/>
      <c r="AY364" s="56"/>
      <c r="AZ364" s="56"/>
      <c r="BA364" s="56"/>
    </row>
    <row r="365" spans="1:53" ht="15.75" customHeight="1">
      <c r="A365" s="56"/>
      <c r="B365" s="56"/>
      <c r="C365" s="56"/>
      <c r="D365" s="56"/>
      <c r="E365" s="56"/>
      <c r="F365" s="56"/>
      <c r="G365" s="56"/>
      <c r="H365" s="56"/>
      <c r="I365" s="56"/>
      <c r="J365" s="56"/>
      <c r="K365" s="56"/>
      <c r="L365" s="56"/>
      <c r="M365" s="56"/>
      <c r="N365" s="56"/>
      <c r="O365" s="56"/>
      <c r="P365" s="56"/>
      <c r="Q365" s="15"/>
      <c r="R365" s="15"/>
      <c r="S365" s="15"/>
      <c r="T365" s="56"/>
      <c r="U365" s="56"/>
      <c r="V365" s="56"/>
      <c r="W365" s="56"/>
      <c r="X365" s="56"/>
      <c r="Y365" s="56"/>
      <c r="Z365" s="56"/>
      <c r="AA365" s="56"/>
      <c r="AB365" s="56"/>
      <c r="AC365" s="56"/>
      <c r="AD365" s="56"/>
      <c r="AE365" s="56"/>
      <c r="AF365" s="56"/>
      <c r="AG365" s="56"/>
      <c r="AH365" s="56"/>
      <c r="AI365" s="56"/>
      <c r="AJ365" s="56"/>
      <c r="AK365" s="56"/>
      <c r="AL365" s="56"/>
      <c r="AM365" s="56"/>
      <c r="AN365" s="56"/>
      <c r="AO365" s="56"/>
      <c r="AP365" s="56"/>
      <c r="AQ365" s="56"/>
      <c r="AR365" s="56"/>
      <c r="AS365" s="56"/>
      <c r="AT365" s="56"/>
      <c r="AU365" s="56"/>
      <c r="AV365" s="56"/>
      <c r="AW365" s="56"/>
      <c r="AX365" s="56"/>
      <c r="AY365" s="56"/>
      <c r="AZ365" s="56"/>
      <c r="BA365" s="56"/>
    </row>
    <row r="366" spans="1:53" ht="15.75" customHeight="1">
      <c r="A366" s="56"/>
      <c r="B366" s="56"/>
      <c r="C366" s="56"/>
      <c r="D366" s="56"/>
      <c r="E366" s="56"/>
      <c r="F366" s="56"/>
      <c r="G366" s="56"/>
      <c r="H366" s="56"/>
      <c r="I366" s="56"/>
      <c r="J366" s="56"/>
      <c r="K366" s="56"/>
      <c r="L366" s="56"/>
      <c r="M366" s="56"/>
      <c r="N366" s="56"/>
      <c r="O366" s="56"/>
      <c r="P366" s="56"/>
      <c r="Q366" s="15"/>
      <c r="R366" s="15"/>
      <c r="S366" s="15"/>
      <c r="T366" s="56"/>
      <c r="U366" s="56"/>
      <c r="V366" s="56"/>
      <c r="W366" s="56"/>
      <c r="X366" s="56"/>
      <c r="Y366" s="56"/>
      <c r="Z366" s="56"/>
      <c r="AA366" s="56"/>
      <c r="AB366" s="56"/>
      <c r="AC366" s="56"/>
      <c r="AD366" s="56"/>
      <c r="AE366" s="56"/>
      <c r="AF366" s="56"/>
      <c r="AG366" s="56"/>
      <c r="AH366" s="56"/>
      <c r="AI366" s="56"/>
      <c r="AJ366" s="56"/>
      <c r="AK366" s="56"/>
      <c r="AL366" s="56"/>
      <c r="AM366" s="56"/>
      <c r="AN366" s="56"/>
      <c r="AO366" s="56"/>
      <c r="AP366" s="56"/>
      <c r="AQ366" s="56"/>
      <c r="AR366" s="56"/>
      <c r="AS366" s="56"/>
      <c r="AT366" s="56"/>
      <c r="AU366" s="56"/>
      <c r="AV366" s="56"/>
      <c r="AW366" s="56"/>
      <c r="AX366" s="56"/>
      <c r="AY366" s="56"/>
      <c r="AZ366" s="56"/>
      <c r="BA366" s="56"/>
    </row>
    <row r="367" spans="1:53" ht="15.75" customHeight="1">
      <c r="A367" s="56"/>
      <c r="B367" s="56"/>
      <c r="C367" s="56"/>
      <c r="D367" s="56"/>
      <c r="E367" s="56"/>
      <c r="F367" s="56"/>
      <c r="G367" s="56"/>
      <c r="H367" s="56"/>
      <c r="I367" s="56"/>
      <c r="J367" s="56"/>
      <c r="K367" s="56"/>
      <c r="L367" s="56"/>
      <c r="M367" s="56"/>
      <c r="N367" s="56"/>
      <c r="O367" s="56"/>
      <c r="P367" s="56"/>
      <c r="Q367" s="15"/>
      <c r="R367" s="15"/>
      <c r="S367" s="15"/>
      <c r="T367" s="56"/>
      <c r="U367" s="56"/>
      <c r="V367" s="56"/>
      <c r="W367" s="56"/>
      <c r="X367" s="56"/>
      <c r="Y367" s="56"/>
      <c r="Z367" s="56"/>
      <c r="AA367" s="56"/>
      <c r="AB367" s="56"/>
      <c r="AC367" s="56"/>
      <c r="AD367" s="56"/>
      <c r="AE367" s="56"/>
      <c r="AF367" s="56"/>
      <c r="AG367" s="56"/>
      <c r="AH367" s="56"/>
      <c r="AI367" s="56"/>
      <c r="AJ367" s="56"/>
      <c r="AK367" s="56"/>
      <c r="AL367" s="56"/>
      <c r="AM367" s="56"/>
      <c r="AN367" s="56"/>
      <c r="AO367" s="56"/>
      <c r="AP367" s="56"/>
      <c r="AQ367" s="56"/>
      <c r="AR367" s="56"/>
      <c r="AS367" s="56"/>
      <c r="AT367" s="56"/>
      <c r="AU367" s="56"/>
      <c r="AV367" s="56"/>
      <c r="AW367" s="56"/>
      <c r="AX367" s="56"/>
      <c r="AY367" s="56"/>
      <c r="AZ367" s="56"/>
      <c r="BA367" s="56"/>
    </row>
    <row r="368" spans="1:53" ht="15.75" customHeight="1">
      <c r="A368" s="56"/>
      <c r="B368" s="56"/>
      <c r="C368" s="56"/>
      <c r="D368" s="56"/>
      <c r="E368" s="56"/>
      <c r="F368" s="56"/>
      <c r="G368" s="56"/>
      <c r="H368" s="56"/>
      <c r="I368" s="56"/>
      <c r="J368" s="56"/>
      <c r="K368" s="56"/>
      <c r="L368" s="56"/>
      <c r="M368" s="56"/>
      <c r="N368" s="56"/>
      <c r="O368" s="56"/>
      <c r="P368" s="56"/>
      <c r="Q368" s="15"/>
      <c r="R368" s="15"/>
      <c r="S368" s="15"/>
      <c r="T368" s="56"/>
      <c r="U368" s="56"/>
      <c r="V368" s="56"/>
      <c r="W368" s="56"/>
      <c r="X368" s="56"/>
      <c r="Y368" s="56"/>
      <c r="Z368" s="56"/>
      <c r="AA368" s="56"/>
      <c r="AB368" s="56"/>
      <c r="AC368" s="56"/>
      <c r="AD368" s="56"/>
      <c r="AE368" s="56"/>
      <c r="AF368" s="56"/>
      <c r="AG368" s="56"/>
      <c r="AH368" s="56"/>
      <c r="AI368" s="56"/>
      <c r="AJ368" s="56"/>
      <c r="AK368" s="56"/>
      <c r="AL368" s="56"/>
      <c r="AM368" s="56"/>
      <c r="AN368" s="56"/>
      <c r="AO368" s="56"/>
      <c r="AP368" s="56"/>
      <c r="AQ368" s="56"/>
      <c r="AR368" s="56"/>
      <c r="AS368" s="56"/>
      <c r="AT368" s="56"/>
      <c r="AU368" s="56"/>
      <c r="AV368" s="56"/>
      <c r="AW368" s="56"/>
      <c r="AX368" s="56"/>
      <c r="AY368" s="56"/>
      <c r="AZ368" s="56"/>
      <c r="BA368" s="56"/>
    </row>
    <row r="369" spans="1:53" ht="15.75" customHeight="1">
      <c r="A369" s="56"/>
      <c r="B369" s="56"/>
      <c r="C369" s="56"/>
      <c r="D369" s="56"/>
      <c r="E369" s="56"/>
      <c r="F369" s="56"/>
      <c r="G369" s="56"/>
      <c r="H369" s="56"/>
      <c r="I369" s="56"/>
      <c r="J369" s="56"/>
      <c r="K369" s="56"/>
      <c r="L369" s="56"/>
      <c r="M369" s="56"/>
      <c r="N369" s="56"/>
      <c r="O369" s="56"/>
      <c r="P369" s="56"/>
      <c r="Q369" s="15"/>
      <c r="R369" s="15"/>
      <c r="S369" s="15"/>
      <c r="T369" s="56"/>
      <c r="U369" s="56"/>
      <c r="V369" s="56"/>
      <c r="W369" s="56"/>
      <c r="X369" s="56"/>
      <c r="Y369" s="56"/>
      <c r="Z369" s="56"/>
      <c r="AA369" s="56"/>
      <c r="AB369" s="56"/>
      <c r="AC369" s="56"/>
      <c r="AD369" s="56"/>
      <c r="AE369" s="56"/>
      <c r="AF369" s="56"/>
      <c r="AG369" s="56"/>
      <c r="AH369" s="56"/>
      <c r="AI369" s="56"/>
      <c r="AJ369" s="56"/>
      <c r="AK369" s="56"/>
      <c r="AL369" s="56"/>
      <c r="AM369" s="56"/>
      <c r="AN369" s="56"/>
      <c r="AO369" s="56"/>
      <c r="AP369" s="56"/>
      <c r="AQ369" s="56"/>
      <c r="AR369" s="56"/>
      <c r="AS369" s="56"/>
      <c r="AT369" s="56"/>
      <c r="AU369" s="56"/>
      <c r="AV369" s="56"/>
      <c r="AW369" s="56"/>
      <c r="AX369" s="56"/>
      <c r="AY369" s="56"/>
      <c r="AZ369" s="56"/>
      <c r="BA369" s="56"/>
    </row>
    <row r="370" spans="1:53" ht="15.75" customHeight="1">
      <c r="A370" s="56"/>
      <c r="B370" s="56"/>
      <c r="C370" s="56"/>
      <c r="D370" s="56"/>
      <c r="E370" s="56"/>
      <c r="F370" s="56"/>
      <c r="G370" s="56"/>
      <c r="H370" s="56"/>
      <c r="I370" s="56"/>
      <c r="J370" s="56"/>
      <c r="K370" s="56"/>
      <c r="L370" s="56"/>
      <c r="M370" s="56"/>
      <c r="N370" s="56"/>
      <c r="O370" s="56"/>
      <c r="P370" s="56"/>
      <c r="Q370" s="15"/>
      <c r="R370" s="15"/>
      <c r="S370" s="15"/>
      <c r="T370" s="56"/>
      <c r="U370" s="56"/>
      <c r="V370" s="56"/>
      <c r="W370" s="56"/>
      <c r="X370" s="56"/>
      <c r="Y370" s="56"/>
      <c r="Z370" s="56"/>
      <c r="AA370" s="56"/>
      <c r="AB370" s="56"/>
      <c r="AC370" s="56"/>
      <c r="AD370" s="56"/>
      <c r="AE370" s="56"/>
      <c r="AF370" s="56"/>
      <c r="AG370" s="56"/>
      <c r="AH370" s="56"/>
      <c r="AI370" s="56"/>
      <c r="AJ370" s="56"/>
      <c r="AK370" s="56"/>
      <c r="AL370" s="56"/>
      <c r="AM370" s="56"/>
      <c r="AN370" s="56"/>
      <c r="AO370" s="56"/>
      <c r="AP370" s="56"/>
      <c r="AQ370" s="56"/>
      <c r="AR370" s="56"/>
      <c r="AS370" s="56"/>
      <c r="AT370" s="56"/>
      <c r="AU370" s="56"/>
      <c r="AV370" s="56"/>
      <c r="AW370" s="56"/>
      <c r="AX370" s="56"/>
      <c r="AY370" s="56"/>
      <c r="AZ370" s="56"/>
      <c r="BA370" s="56"/>
    </row>
    <row r="371" spans="1:53" ht="15.75" customHeight="1">
      <c r="A371" s="56"/>
      <c r="B371" s="56"/>
      <c r="C371" s="56"/>
      <c r="D371" s="56"/>
      <c r="E371" s="56"/>
      <c r="F371" s="56"/>
      <c r="G371" s="56"/>
      <c r="H371" s="56"/>
      <c r="I371" s="56"/>
      <c r="J371" s="56"/>
      <c r="K371" s="56"/>
      <c r="L371" s="56"/>
      <c r="M371" s="56"/>
      <c r="N371" s="56"/>
      <c r="O371" s="56"/>
      <c r="P371" s="56"/>
      <c r="Q371" s="15"/>
      <c r="R371" s="15"/>
      <c r="S371" s="15"/>
      <c r="T371" s="56"/>
      <c r="U371" s="56"/>
      <c r="V371" s="56"/>
      <c r="W371" s="56"/>
      <c r="X371" s="56"/>
      <c r="Y371" s="56"/>
      <c r="Z371" s="56"/>
      <c r="AA371" s="56"/>
      <c r="AB371" s="56"/>
      <c r="AC371" s="56"/>
      <c r="AD371" s="56"/>
      <c r="AE371" s="56"/>
      <c r="AF371" s="56"/>
      <c r="AG371" s="56"/>
      <c r="AH371" s="56"/>
      <c r="AI371" s="56"/>
      <c r="AJ371" s="56"/>
      <c r="AK371" s="56"/>
      <c r="AL371" s="56"/>
      <c r="AM371" s="56"/>
      <c r="AN371" s="56"/>
      <c r="AO371" s="56"/>
      <c r="AP371" s="56"/>
      <c r="AQ371" s="56"/>
      <c r="AR371" s="56"/>
      <c r="AS371" s="56"/>
      <c r="AT371" s="56"/>
      <c r="AU371" s="56"/>
      <c r="AV371" s="56"/>
      <c r="AW371" s="56"/>
      <c r="AX371" s="56"/>
      <c r="AY371" s="56"/>
      <c r="AZ371" s="56"/>
      <c r="BA371" s="56"/>
    </row>
    <row r="372" spans="1:53" ht="15.75" customHeight="1">
      <c r="A372" s="56"/>
      <c r="B372" s="56"/>
      <c r="C372" s="56"/>
      <c r="D372" s="56"/>
      <c r="E372" s="56"/>
      <c r="F372" s="56"/>
      <c r="G372" s="56"/>
      <c r="H372" s="56"/>
      <c r="I372" s="56"/>
      <c r="J372" s="56"/>
      <c r="K372" s="56"/>
      <c r="L372" s="56"/>
      <c r="M372" s="56"/>
      <c r="N372" s="56"/>
      <c r="O372" s="56"/>
      <c r="P372" s="56"/>
      <c r="Q372" s="15"/>
      <c r="R372" s="15"/>
      <c r="S372" s="15"/>
      <c r="T372" s="56"/>
      <c r="U372" s="56"/>
      <c r="V372" s="56"/>
      <c r="W372" s="56"/>
      <c r="X372" s="56"/>
      <c r="Y372" s="56"/>
      <c r="Z372" s="56"/>
      <c r="AA372" s="56"/>
      <c r="AB372" s="56"/>
      <c r="AC372" s="56"/>
      <c r="AD372" s="56"/>
      <c r="AE372" s="56"/>
      <c r="AF372" s="56"/>
      <c r="AG372" s="56"/>
      <c r="AH372" s="56"/>
      <c r="AI372" s="56"/>
      <c r="AJ372" s="56"/>
      <c r="AK372" s="56"/>
      <c r="AL372" s="56"/>
      <c r="AM372" s="56"/>
      <c r="AN372" s="56"/>
      <c r="AO372" s="56"/>
      <c r="AP372" s="56"/>
      <c r="AQ372" s="56"/>
      <c r="AR372" s="56"/>
      <c r="AS372" s="56"/>
      <c r="AT372" s="56"/>
      <c r="AU372" s="56"/>
      <c r="AV372" s="56"/>
      <c r="AW372" s="56"/>
      <c r="AX372" s="56"/>
      <c r="AY372" s="56"/>
      <c r="AZ372" s="56"/>
      <c r="BA372" s="56"/>
    </row>
    <row r="373" spans="1:53" ht="15.75" customHeight="1">
      <c r="A373" s="56"/>
      <c r="B373" s="56"/>
      <c r="C373" s="56"/>
      <c r="D373" s="56"/>
      <c r="E373" s="56"/>
      <c r="F373" s="56"/>
      <c r="G373" s="56"/>
      <c r="H373" s="56"/>
      <c r="I373" s="56"/>
      <c r="J373" s="56"/>
      <c r="K373" s="56"/>
      <c r="L373" s="56"/>
      <c r="M373" s="56"/>
      <c r="N373" s="56"/>
      <c r="O373" s="56"/>
      <c r="P373" s="56"/>
      <c r="Q373" s="15"/>
      <c r="R373" s="15"/>
      <c r="S373" s="15"/>
      <c r="T373" s="56"/>
      <c r="U373" s="56"/>
      <c r="V373" s="56"/>
      <c r="W373" s="56"/>
      <c r="X373" s="56"/>
      <c r="Y373" s="56"/>
      <c r="Z373" s="56"/>
      <c r="AA373" s="56"/>
      <c r="AB373" s="56"/>
      <c r="AC373" s="56"/>
      <c r="AD373" s="56"/>
      <c r="AE373" s="56"/>
      <c r="AF373" s="56"/>
      <c r="AG373" s="56"/>
      <c r="AH373" s="56"/>
      <c r="AI373" s="56"/>
      <c r="AJ373" s="56"/>
      <c r="AK373" s="56"/>
      <c r="AL373" s="56"/>
      <c r="AM373" s="56"/>
      <c r="AN373" s="56"/>
      <c r="AO373" s="56"/>
      <c r="AP373" s="56"/>
      <c r="AQ373" s="56"/>
      <c r="AR373" s="56"/>
      <c r="AS373" s="56"/>
      <c r="AT373" s="56"/>
      <c r="AU373" s="56"/>
      <c r="AV373" s="56"/>
      <c r="AW373" s="56"/>
      <c r="AX373" s="56"/>
      <c r="AY373" s="56"/>
      <c r="AZ373" s="56"/>
      <c r="BA373" s="56"/>
    </row>
    <row r="374" spans="1:53" ht="15.75" customHeight="1">
      <c r="A374" s="56"/>
      <c r="B374" s="56"/>
      <c r="C374" s="56"/>
      <c r="D374" s="56"/>
      <c r="E374" s="56"/>
      <c r="F374" s="56"/>
      <c r="G374" s="56"/>
      <c r="H374" s="56"/>
      <c r="I374" s="56"/>
      <c r="J374" s="56"/>
      <c r="K374" s="56"/>
      <c r="L374" s="56"/>
      <c r="M374" s="56"/>
      <c r="N374" s="56"/>
      <c r="O374" s="56"/>
      <c r="P374" s="56"/>
      <c r="Q374" s="15"/>
      <c r="R374" s="15"/>
      <c r="S374" s="15"/>
      <c r="T374" s="56"/>
      <c r="U374" s="56"/>
      <c r="V374" s="56"/>
      <c r="W374" s="56"/>
      <c r="X374" s="56"/>
      <c r="Y374" s="56"/>
      <c r="Z374" s="56"/>
      <c r="AA374" s="56"/>
      <c r="AB374" s="56"/>
      <c r="AC374" s="56"/>
      <c r="AD374" s="56"/>
      <c r="AE374" s="56"/>
      <c r="AF374" s="56"/>
      <c r="AG374" s="56"/>
      <c r="AH374" s="56"/>
      <c r="AI374" s="56"/>
      <c r="AJ374" s="56"/>
      <c r="AK374" s="56"/>
      <c r="AL374" s="56"/>
      <c r="AM374" s="56"/>
      <c r="AN374" s="56"/>
      <c r="AO374" s="56"/>
      <c r="AP374" s="56"/>
      <c r="AQ374" s="56"/>
      <c r="AR374" s="56"/>
      <c r="AS374" s="56"/>
      <c r="AT374" s="56"/>
      <c r="AU374" s="56"/>
      <c r="AV374" s="56"/>
      <c r="AW374" s="56"/>
      <c r="AX374" s="56"/>
      <c r="AY374" s="56"/>
      <c r="AZ374" s="56"/>
      <c r="BA374" s="56"/>
    </row>
    <row r="375" spans="1:53" ht="15.75" customHeight="1">
      <c r="A375" s="56"/>
      <c r="B375" s="56"/>
      <c r="C375" s="56"/>
      <c r="D375" s="56"/>
      <c r="E375" s="56"/>
      <c r="F375" s="56"/>
      <c r="G375" s="56"/>
      <c r="H375" s="56"/>
      <c r="I375" s="56"/>
      <c r="J375" s="56"/>
      <c r="K375" s="56"/>
      <c r="L375" s="56"/>
      <c r="M375" s="56"/>
      <c r="N375" s="56"/>
      <c r="O375" s="56"/>
      <c r="P375" s="56"/>
      <c r="Q375" s="15"/>
      <c r="R375" s="15"/>
      <c r="S375" s="15"/>
      <c r="T375" s="56"/>
      <c r="U375" s="56"/>
      <c r="V375" s="56"/>
      <c r="W375" s="56"/>
      <c r="X375" s="56"/>
      <c r="Y375" s="56"/>
      <c r="Z375" s="56"/>
      <c r="AA375" s="56"/>
      <c r="AB375" s="56"/>
      <c r="AC375" s="56"/>
      <c r="AD375" s="56"/>
      <c r="AE375" s="56"/>
      <c r="AF375" s="56"/>
      <c r="AG375" s="56"/>
      <c r="AH375" s="56"/>
      <c r="AI375" s="56"/>
      <c r="AJ375" s="56"/>
      <c r="AK375" s="56"/>
      <c r="AL375" s="56"/>
      <c r="AM375" s="56"/>
      <c r="AN375" s="56"/>
      <c r="AO375" s="56"/>
      <c r="AP375" s="56"/>
      <c r="AQ375" s="56"/>
      <c r="AR375" s="56"/>
      <c r="AS375" s="56"/>
      <c r="AT375" s="56"/>
      <c r="AU375" s="56"/>
      <c r="AV375" s="56"/>
      <c r="AW375" s="56"/>
      <c r="AX375" s="56"/>
      <c r="AY375" s="56"/>
      <c r="AZ375" s="56"/>
      <c r="BA375" s="56"/>
    </row>
    <row r="376" spans="1:53" ht="15.75" customHeight="1">
      <c r="A376" s="56"/>
      <c r="B376" s="56"/>
      <c r="C376" s="56"/>
      <c r="D376" s="56"/>
      <c r="E376" s="56"/>
      <c r="F376" s="56"/>
      <c r="G376" s="56"/>
      <c r="H376" s="56"/>
      <c r="I376" s="56"/>
      <c r="J376" s="56"/>
      <c r="K376" s="56"/>
      <c r="L376" s="56"/>
      <c r="M376" s="56"/>
      <c r="N376" s="56"/>
      <c r="O376" s="56"/>
      <c r="P376" s="56"/>
      <c r="Q376" s="15"/>
      <c r="R376" s="15"/>
      <c r="S376" s="15"/>
      <c r="T376" s="56"/>
      <c r="U376" s="56"/>
      <c r="V376" s="56"/>
      <c r="W376" s="56"/>
      <c r="X376" s="56"/>
      <c r="Y376" s="56"/>
      <c r="Z376" s="56"/>
      <c r="AA376" s="56"/>
      <c r="AB376" s="56"/>
      <c r="AC376" s="56"/>
      <c r="AD376" s="56"/>
      <c r="AE376" s="56"/>
      <c r="AF376" s="56"/>
      <c r="AG376" s="56"/>
      <c r="AH376" s="56"/>
      <c r="AI376" s="56"/>
      <c r="AJ376" s="56"/>
      <c r="AK376" s="56"/>
      <c r="AL376" s="56"/>
      <c r="AM376" s="56"/>
      <c r="AN376" s="56"/>
      <c r="AO376" s="56"/>
      <c r="AP376" s="56"/>
      <c r="AQ376" s="56"/>
      <c r="AR376" s="56"/>
      <c r="AS376" s="56"/>
      <c r="AT376" s="56"/>
      <c r="AU376" s="56"/>
      <c r="AV376" s="56"/>
      <c r="AW376" s="56"/>
      <c r="AX376" s="56"/>
      <c r="AY376" s="56"/>
      <c r="AZ376" s="56"/>
      <c r="BA376" s="56"/>
    </row>
    <row r="377" spans="1:53" ht="15.75" customHeight="1">
      <c r="A377" s="56"/>
      <c r="B377" s="56"/>
      <c r="C377" s="56"/>
      <c r="D377" s="56"/>
      <c r="E377" s="56"/>
      <c r="F377" s="56"/>
      <c r="G377" s="56"/>
      <c r="H377" s="56"/>
      <c r="I377" s="56"/>
      <c r="J377" s="56"/>
      <c r="K377" s="56"/>
      <c r="L377" s="56"/>
      <c r="M377" s="56"/>
      <c r="N377" s="56"/>
      <c r="O377" s="56"/>
      <c r="P377" s="56"/>
      <c r="Q377" s="15"/>
      <c r="R377" s="15"/>
      <c r="S377" s="15"/>
      <c r="T377" s="56"/>
      <c r="U377" s="56"/>
      <c r="V377" s="56"/>
      <c r="W377" s="56"/>
      <c r="X377" s="56"/>
      <c r="Y377" s="56"/>
      <c r="Z377" s="56"/>
      <c r="AA377" s="56"/>
      <c r="AB377" s="56"/>
      <c r="AC377" s="56"/>
      <c r="AD377" s="56"/>
      <c r="AE377" s="56"/>
      <c r="AF377" s="56"/>
      <c r="AG377" s="56"/>
      <c r="AH377" s="56"/>
      <c r="AI377" s="56"/>
      <c r="AJ377" s="56"/>
      <c r="AK377" s="56"/>
      <c r="AL377" s="56"/>
      <c r="AM377" s="56"/>
      <c r="AN377" s="56"/>
      <c r="AO377" s="56"/>
      <c r="AP377" s="56"/>
      <c r="AQ377" s="56"/>
      <c r="AR377" s="56"/>
      <c r="AS377" s="56"/>
      <c r="AT377" s="56"/>
      <c r="AU377" s="56"/>
      <c r="AV377" s="56"/>
      <c r="AW377" s="56"/>
      <c r="AX377" s="56"/>
      <c r="AY377" s="56"/>
      <c r="AZ377" s="56"/>
      <c r="BA377" s="56"/>
    </row>
    <row r="378" spans="1:53" ht="15.75" customHeight="1">
      <c r="A378" s="56"/>
      <c r="B378" s="56"/>
      <c r="C378" s="56"/>
      <c r="D378" s="56"/>
      <c r="E378" s="56"/>
      <c r="F378" s="56"/>
      <c r="G378" s="56"/>
      <c r="H378" s="56"/>
      <c r="I378" s="56"/>
      <c r="J378" s="56"/>
      <c r="K378" s="56"/>
      <c r="L378" s="56"/>
      <c r="M378" s="56"/>
      <c r="N378" s="56"/>
      <c r="O378" s="56"/>
      <c r="P378" s="56"/>
      <c r="Q378" s="15"/>
      <c r="R378" s="15"/>
      <c r="S378" s="15"/>
      <c r="T378" s="56"/>
      <c r="U378" s="56"/>
      <c r="V378" s="56"/>
      <c r="W378" s="56"/>
      <c r="X378" s="56"/>
      <c r="Y378" s="56"/>
      <c r="Z378" s="56"/>
      <c r="AA378" s="56"/>
      <c r="AB378" s="56"/>
      <c r="AC378" s="56"/>
      <c r="AD378" s="56"/>
      <c r="AE378" s="56"/>
      <c r="AF378" s="56"/>
      <c r="AG378" s="56"/>
      <c r="AH378" s="56"/>
      <c r="AI378" s="56"/>
      <c r="AJ378" s="56"/>
      <c r="AK378" s="56"/>
      <c r="AL378" s="56"/>
      <c r="AM378" s="56"/>
      <c r="AN378" s="56"/>
      <c r="AO378" s="56"/>
      <c r="AP378" s="56"/>
      <c r="AQ378" s="56"/>
      <c r="AR378" s="56"/>
      <c r="AS378" s="56"/>
      <c r="AT378" s="56"/>
      <c r="AU378" s="56"/>
      <c r="AV378" s="56"/>
      <c r="AW378" s="56"/>
      <c r="AX378" s="56"/>
      <c r="AY378" s="56"/>
      <c r="AZ378" s="56"/>
      <c r="BA378" s="56"/>
    </row>
    <row r="379" spans="1:53" ht="15.75" customHeight="1">
      <c r="A379" s="56"/>
      <c r="B379" s="56"/>
      <c r="C379" s="56"/>
      <c r="D379" s="56"/>
      <c r="E379" s="56"/>
      <c r="F379" s="56"/>
      <c r="G379" s="56"/>
      <c r="H379" s="56"/>
      <c r="I379" s="56"/>
      <c r="J379" s="56"/>
      <c r="K379" s="56"/>
      <c r="L379" s="56"/>
      <c r="M379" s="56"/>
      <c r="N379" s="56"/>
      <c r="O379" s="56"/>
      <c r="P379" s="56"/>
      <c r="Q379" s="15"/>
      <c r="R379" s="15"/>
      <c r="S379" s="15"/>
      <c r="T379" s="56"/>
      <c r="U379" s="56"/>
      <c r="V379" s="56"/>
      <c r="W379" s="56"/>
      <c r="X379" s="56"/>
      <c r="Y379" s="56"/>
      <c r="Z379" s="56"/>
      <c r="AA379" s="56"/>
      <c r="AB379" s="56"/>
      <c r="AC379" s="56"/>
      <c r="AD379" s="56"/>
      <c r="AE379" s="56"/>
      <c r="AF379" s="56"/>
      <c r="AG379" s="56"/>
      <c r="AH379" s="56"/>
      <c r="AI379" s="56"/>
      <c r="AJ379" s="56"/>
      <c r="AK379" s="56"/>
      <c r="AL379" s="56"/>
      <c r="AM379" s="56"/>
      <c r="AN379" s="56"/>
      <c r="AO379" s="56"/>
      <c r="AP379" s="56"/>
      <c r="AQ379" s="56"/>
      <c r="AR379" s="56"/>
      <c r="AS379" s="56"/>
      <c r="AT379" s="56"/>
      <c r="AU379" s="56"/>
      <c r="AV379" s="56"/>
      <c r="AW379" s="56"/>
      <c r="AX379" s="56"/>
      <c r="AY379" s="56"/>
      <c r="AZ379" s="56"/>
      <c r="BA379" s="56"/>
    </row>
    <row r="380" spans="1:53" ht="15.75" customHeight="1">
      <c r="A380" s="56"/>
      <c r="B380" s="56"/>
      <c r="C380" s="56"/>
      <c r="D380" s="56"/>
      <c r="E380" s="56"/>
      <c r="F380" s="56"/>
      <c r="G380" s="56"/>
      <c r="H380" s="56"/>
      <c r="I380" s="56"/>
      <c r="J380" s="56"/>
      <c r="K380" s="56"/>
      <c r="L380" s="56"/>
      <c r="M380" s="56"/>
      <c r="N380" s="56"/>
      <c r="O380" s="56"/>
      <c r="P380" s="56"/>
      <c r="Q380" s="15"/>
      <c r="R380" s="15"/>
      <c r="S380" s="15"/>
      <c r="T380" s="56"/>
      <c r="U380" s="56"/>
      <c r="V380" s="56"/>
      <c r="W380" s="56"/>
      <c r="X380" s="56"/>
      <c r="Y380" s="56"/>
      <c r="Z380" s="56"/>
      <c r="AA380" s="56"/>
      <c r="AB380" s="56"/>
      <c r="AC380" s="56"/>
      <c r="AD380" s="56"/>
      <c r="AE380" s="56"/>
      <c r="AF380" s="56"/>
      <c r="AG380" s="56"/>
      <c r="AH380" s="56"/>
      <c r="AI380" s="56"/>
      <c r="AJ380" s="56"/>
      <c r="AK380" s="56"/>
      <c r="AL380" s="56"/>
      <c r="AM380" s="56"/>
      <c r="AN380" s="56"/>
      <c r="AO380" s="56"/>
      <c r="AP380" s="56"/>
      <c r="AQ380" s="56"/>
      <c r="AR380" s="56"/>
      <c r="AS380" s="56"/>
      <c r="AT380" s="56"/>
      <c r="AU380" s="56"/>
      <c r="AV380" s="56"/>
      <c r="AW380" s="56"/>
      <c r="AX380" s="56"/>
      <c r="AY380" s="56"/>
      <c r="AZ380" s="56"/>
      <c r="BA380" s="56"/>
    </row>
    <row r="381" spans="1:53" ht="15.75" customHeight="1">
      <c r="A381" s="56"/>
      <c r="B381" s="56"/>
      <c r="C381" s="56"/>
      <c r="D381" s="56"/>
      <c r="E381" s="56"/>
      <c r="F381" s="56"/>
      <c r="G381" s="56"/>
      <c r="H381" s="56"/>
      <c r="I381" s="56"/>
      <c r="J381" s="56"/>
      <c r="K381" s="56"/>
      <c r="L381" s="56"/>
      <c r="M381" s="56"/>
      <c r="N381" s="56"/>
      <c r="O381" s="56"/>
      <c r="P381" s="56"/>
      <c r="Q381" s="15"/>
      <c r="R381" s="15"/>
      <c r="S381" s="15"/>
      <c r="T381" s="56"/>
      <c r="U381" s="56"/>
      <c r="V381" s="56"/>
      <c r="W381" s="56"/>
      <c r="X381" s="56"/>
      <c r="Y381" s="56"/>
      <c r="Z381" s="56"/>
      <c r="AA381" s="56"/>
      <c r="AB381" s="56"/>
      <c r="AC381" s="56"/>
      <c r="AD381" s="56"/>
      <c r="AE381" s="56"/>
      <c r="AF381" s="56"/>
      <c r="AG381" s="56"/>
      <c r="AH381" s="56"/>
      <c r="AI381" s="56"/>
      <c r="AJ381" s="56"/>
      <c r="AK381" s="56"/>
      <c r="AL381" s="56"/>
      <c r="AM381" s="56"/>
      <c r="AN381" s="56"/>
      <c r="AO381" s="56"/>
      <c r="AP381" s="56"/>
      <c r="AQ381" s="56"/>
      <c r="AR381" s="56"/>
      <c r="AS381" s="56"/>
      <c r="AT381" s="56"/>
      <c r="AU381" s="56"/>
      <c r="AV381" s="56"/>
      <c r="AW381" s="56"/>
      <c r="AX381" s="56"/>
      <c r="AY381" s="56"/>
      <c r="AZ381" s="56"/>
      <c r="BA381" s="56"/>
    </row>
    <row r="382" spans="1:53" ht="15.75" customHeight="1">
      <c r="A382" s="56"/>
      <c r="B382" s="56"/>
      <c r="C382" s="56"/>
      <c r="D382" s="56"/>
      <c r="E382" s="56"/>
      <c r="F382" s="56"/>
      <c r="G382" s="56"/>
      <c r="H382" s="56"/>
      <c r="I382" s="56"/>
      <c r="J382" s="56"/>
      <c r="K382" s="56"/>
      <c r="L382" s="56"/>
      <c r="M382" s="56"/>
      <c r="N382" s="56"/>
      <c r="O382" s="56"/>
      <c r="P382" s="56"/>
      <c r="Q382" s="15"/>
      <c r="R382" s="15"/>
      <c r="S382" s="15"/>
      <c r="T382" s="56"/>
      <c r="U382" s="56"/>
      <c r="V382" s="56"/>
      <c r="W382" s="56"/>
      <c r="X382" s="56"/>
      <c r="Y382" s="56"/>
      <c r="Z382" s="56"/>
      <c r="AA382" s="56"/>
      <c r="AB382" s="56"/>
      <c r="AC382" s="56"/>
      <c r="AD382" s="56"/>
      <c r="AE382" s="56"/>
      <c r="AF382" s="56"/>
      <c r="AG382" s="56"/>
      <c r="AH382" s="56"/>
      <c r="AI382" s="56"/>
      <c r="AJ382" s="56"/>
      <c r="AK382" s="56"/>
      <c r="AL382" s="56"/>
      <c r="AM382" s="56"/>
      <c r="AN382" s="56"/>
      <c r="AO382" s="56"/>
      <c r="AP382" s="56"/>
      <c r="AQ382" s="56"/>
      <c r="AR382" s="56"/>
      <c r="AS382" s="56"/>
      <c r="AT382" s="56"/>
      <c r="AU382" s="56"/>
      <c r="AV382" s="56"/>
      <c r="AW382" s="56"/>
      <c r="AX382" s="56"/>
      <c r="AY382" s="56"/>
      <c r="AZ382" s="56"/>
      <c r="BA382" s="56"/>
    </row>
    <row r="383" spans="1:53" ht="15.75" customHeight="1">
      <c r="A383" s="56"/>
      <c r="B383" s="56"/>
      <c r="C383" s="56"/>
      <c r="D383" s="56"/>
      <c r="E383" s="56"/>
      <c r="F383" s="56"/>
      <c r="G383" s="56"/>
      <c r="H383" s="56"/>
      <c r="I383" s="56"/>
      <c r="J383" s="56"/>
      <c r="K383" s="56"/>
      <c r="L383" s="56"/>
      <c r="M383" s="56"/>
      <c r="N383" s="56"/>
      <c r="O383" s="56"/>
      <c r="P383" s="56"/>
      <c r="Q383" s="15"/>
      <c r="R383" s="15"/>
      <c r="S383" s="15"/>
      <c r="T383" s="56"/>
      <c r="U383" s="56"/>
      <c r="V383" s="56"/>
      <c r="W383" s="56"/>
      <c r="X383" s="56"/>
      <c r="Y383" s="56"/>
      <c r="Z383" s="56"/>
      <c r="AA383" s="56"/>
      <c r="AB383" s="56"/>
      <c r="AC383" s="56"/>
      <c r="AD383" s="56"/>
      <c r="AE383" s="56"/>
      <c r="AF383" s="56"/>
      <c r="AG383" s="56"/>
      <c r="AH383" s="56"/>
      <c r="AI383" s="56"/>
      <c r="AJ383" s="56"/>
      <c r="AK383" s="56"/>
      <c r="AL383" s="56"/>
      <c r="AM383" s="56"/>
      <c r="AN383" s="56"/>
      <c r="AO383" s="56"/>
      <c r="AP383" s="56"/>
      <c r="AQ383" s="56"/>
      <c r="AR383" s="56"/>
      <c r="AS383" s="56"/>
      <c r="AT383" s="56"/>
      <c r="AU383" s="56"/>
      <c r="AV383" s="56"/>
      <c r="AW383" s="56"/>
      <c r="AX383" s="56"/>
      <c r="AY383" s="56"/>
      <c r="AZ383" s="56"/>
      <c r="BA383" s="56"/>
    </row>
    <row r="384" spans="1:53" ht="15.75" customHeight="1">
      <c r="A384" s="56"/>
      <c r="B384" s="56"/>
      <c r="C384" s="56"/>
      <c r="D384" s="56"/>
      <c r="E384" s="56"/>
      <c r="F384" s="56"/>
      <c r="G384" s="56"/>
      <c r="H384" s="56"/>
      <c r="I384" s="56"/>
      <c r="J384" s="56"/>
      <c r="K384" s="56"/>
      <c r="L384" s="56"/>
      <c r="M384" s="56"/>
      <c r="N384" s="56"/>
      <c r="O384" s="56"/>
      <c r="P384" s="56"/>
      <c r="Q384" s="15"/>
      <c r="R384" s="15"/>
      <c r="S384" s="15"/>
      <c r="T384" s="56"/>
      <c r="U384" s="56"/>
      <c r="V384" s="56"/>
      <c r="W384" s="56"/>
      <c r="X384" s="56"/>
      <c r="Y384" s="56"/>
      <c r="Z384" s="56"/>
      <c r="AA384" s="56"/>
      <c r="AB384" s="56"/>
      <c r="AC384" s="56"/>
      <c r="AD384" s="56"/>
      <c r="AE384" s="56"/>
      <c r="AF384" s="56"/>
      <c r="AG384" s="56"/>
      <c r="AH384" s="56"/>
      <c r="AI384" s="56"/>
      <c r="AJ384" s="56"/>
      <c r="AK384" s="56"/>
      <c r="AL384" s="56"/>
      <c r="AM384" s="56"/>
      <c r="AN384" s="56"/>
      <c r="AO384" s="56"/>
      <c r="AP384" s="56"/>
      <c r="AQ384" s="56"/>
      <c r="AR384" s="56"/>
      <c r="AS384" s="56"/>
      <c r="AT384" s="56"/>
      <c r="AU384" s="56"/>
      <c r="AV384" s="56"/>
      <c r="AW384" s="56"/>
      <c r="AX384" s="56"/>
      <c r="AY384" s="56"/>
      <c r="AZ384" s="56"/>
      <c r="BA384" s="56"/>
    </row>
    <row r="385" spans="1:53" ht="15.75" customHeight="1">
      <c r="A385" s="56"/>
      <c r="B385" s="56"/>
      <c r="C385" s="56"/>
      <c r="D385" s="56"/>
      <c r="E385" s="56"/>
      <c r="F385" s="56"/>
      <c r="G385" s="56"/>
      <c r="H385" s="56"/>
      <c r="I385" s="56"/>
      <c r="J385" s="56"/>
      <c r="K385" s="56"/>
      <c r="L385" s="56"/>
      <c r="M385" s="56"/>
      <c r="N385" s="56"/>
      <c r="O385" s="56"/>
      <c r="P385" s="56"/>
      <c r="Q385" s="15"/>
      <c r="R385" s="15"/>
      <c r="S385" s="15"/>
      <c r="T385" s="56"/>
      <c r="U385" s="56"/>
      <c r="V385" s="56"/>
      <c r="W385" s="56"/>
      <c r="X385" s="56"/>
      <c r="Y385" s="56"/>
      <c r="Z385" s="56"/>
      <c r="AA385" s="56"/>
      <c r="AB385" s="56"/>
      <c r="AC385" s="56"/>
      <c r="AD385" s="56"/>
      <c r="AE385" s="56"/>
      <c r="AF385" s="56"/>
      <c r="AG385" s="56"/>
      <c r="AH385" s="56"/>
      <c r="AI385" s="56"/>
      <c r="AJ385" s="56"/>
      <c r="AK385" s="56"/>
      <c r="AL385" s="56"/>
      <c r="AM385" s="56"/>
      <c r="AN385" s="56"/>
      <c r="AO385" s="56"/>
      <c r="AP385" s="56"/>
      <c r="AQ385" s="56"/>
      <c r="AR385" s="56"/>
      <c r="AS385" s="56"/>
      <c r="AT385" s="56"/>
      <c r="AU385" s="56"/>
      <c r="AV385" s="56"/>
      <c r="AW385" s="56"/>
      <c r="AX385" s="56"/>
      <c r="AY385" s="56"/>
      <c r="AZ385" s="56"/>
      <c r="BA385" s="56"/>
    </row>
    <row r="386" spans="1:53" ht="15.75" customHeight="1">
      <c r="A386" s="56"/>
      <c r="B386" s="56"/>
      <c r="C386" s="56"/>
      <c r="D386" s="56"/>
      <c r="E386" s="56"/>
      <c r="F386" s="56"/>
      <c r="G386" s="56"/>
      <c r="H386" s="56"/>
      <c r="I386" s="56"/>
      <c r="J386" s="56"/>
      <c r="K386" s="56"/>
      <c r="L386" s="56"/>
      <c r="M386" s="56"/>
      <c r="N386" s="56"/>
      <c r="O386" s="56"/>
      <c r="P386" s="56"/>
      <c r="Q386" s="15"/>
      <c r="R386" s="15"/>
      <c r="S386" s="15"/>
      <c r="T386" s="56"/>
      <c r="U386" s="56"/>
      <c r="V386" s="56"/>
      <c r="W386" s="56"/>
      <c r="X386" s="56"/>
      <c r="Y386" s="56"/>
      <c r="Z386" s="56"/>
      <c r="AA386" s="56"/>
      <c r="AB386" s="56"/>
      <c r="AC386" s="56"/>
      <c r="AD386" s="56"/>
      <c r="AE386" s="56"/>
      <c r="AF386" s="56"/>
      <c r="AG386" s="56"/>
      <c r="AH386" s="56"/>
      <c r="AI386" s="56"/>
      <c r="AJ386" s="56"/>
      <c r="AK386" s="56"/>
      <c r="AL386" s="56"/>
      <c r="AM386" s="56"/>
      <c r="AN386" s="56"/>
      <c r="AO386" s="56"/>
      <c r="AP386" s="56"/>
      <c r="AQ386" s="56"/>
      <c r="AR386" s="56"/>
      <c r="AS386" s="56"/>
      <c r="AT386" s="56"/>
      <c r="AU386" s="56"/>
      <c r="AV386" s="56"/>
      <c r="AW386" s="56"/>
      <c r="AX386" s="56"/>
      <c r="AY386" s="56"/>
      <c r="AZ386" s="56"/>
      <c r="BA386" s="56"/>
    </row>
    <row r="387" spans="1:53" ht="15.75" customHeight="1">
      <c r="A387" s="56"/>
      <c r="B387" s="56"/>
      <c r="C387" s="56"/>
      <c r="D387" s="56"/>
      <c r="E387" s="56"/>
      <c r="F387" s="56"/>
      <c r="G387" s="56"/>
      <c r="H387" s="56"/>
      <c r="I387" s="56"/>
      <c r="J387" s="56"/>
      <c r="K387" s="56"/>
      <c r="L387" s="56"/>
      <c r="M387" s="56"/>
      <c r="N387" s="56"/>
      <c r="O387" s="56"/>
      <c r="P387" s="56"/>
      <c r="Q387" s="15"/>
      <c r="R387" s="15"/>
      <c r="S387" s="15"/>
      <c r="T387" s="56"/>
      <c r="U387" s="56"/>
      <c r="V387" s="56"/>
      <c r="W387" s="56"/>
      <c r="X387" s="56"/>
      <c r="Y387" s="56"/>
      <c r="Z387" s="56"/>
      <c r="AA387" s="56"/>
      <c r="AB387" s="56"/>
      <c r="AC387" s="56"/>
      <c r="AD387" s="56"/>
      <c r="AE387" s="56"/>
      <c r="AF387" s="56"/>
      <c r="AG387" s="56"/>
      <c r="AH387" s="56"/>
      <c r="AI387" s="56"/>
      <c r="AJ387" s="56"/>
      <c r="AK387" s="56"/>
      <c r="AL387" s="56"/>
      <c r="AM387" s="56"/>
      <c r="AN387" s="56"/>
      <c r="AO387" s="56"/>
      <c r="AP387" s="56"/>
      <c r="AQ387" s="56"/>
      <c r="AR387" s="56"/>
      <c r="AS387" s="56"/>
      <c r="AT387" s="56"/>
      <c r="AU387" s="56"/>
      <c r="AV387" s="56"/>
      <c r="AW387" s="56"/>
      <c r="AX387" s="56"/>
      <c r="AY387" s="56"/>
      <c r="AZ387" s="56"/>
      <c r="BA387" s="56"/>
    </row>
    <row r="388" spans="1:53" ht="15.75" customHeight="1">
      <c r="A388" s="56"/>
      <c r="B388" s="56"/>
      <c r="C388" s="56"/>
      <c r="D388" s="56"/>
      <c r="E388" s="56"/>
      <c r="F388" s="56"/>
      <c r="G388" s="56"/>
      <c r="H388" s="56"/>
      <c r="I388" s="56"/>
      <c r="J388" s="56"/>
      <c r="K388" s="56"/>
      <c r="L388" s="56"/>
      <c r="M388" s="56"/>
      <c r="N388" s="56"/>
      <c r="O388" s="56"/>
      <c r="P388" s="56"/>
      <c r="Q388" s="15"/>
      <c r="R388" s="15"/>
      <c r="S388" s="15"/>
      <c r="T388" s="56"/>
      <c r="U388" s="56"/>
      <c r="V388" s="56"/>
      <c r="W388" s="56"/>
      <c r="X388" s="56"/>
      <c r="Y388" s="56"/>
      <c r="Z388" s="56"/>
      <c r="AA388" s="56"/>
      <c r="AB388" s="56"/>
      <c r="AC388" s="56"/>
      <c r="AD388" s="56"/>
      <c r="AE388" s="56"/>
      <c r="AF388" s="56"/>
      <c r="AG388" s="56"/>
      <c r="AH388" s="56"/>
      <c r="AI388" s="56"/>
      <c r="AJ388" s="56"/>
      <c r="AK388" s="56"/>
      <c r="AL388" s="56"/>
      <c r="AM388" s="56"/>
      <c r="AN388" s="56"/>
      <c r="AO388" s="56"/>
      <c r="AP388" s="56"/>
      <c r="AQ388" s="56"/>
      <c r="AR388" s="56"/>
      <c r="AS388" s="56"/>
      <c r="AT388" s="56"/>
      <c r="AU388" s="56"/>
      <c r="AV388" s="56"/>
      <c r="AW388" s="56"/>
      <c r="AX388" s="56"/>
      <c r="AY388" s="56"/>
      <c r="AZ388" s="56"/>
      <c r="BA388" s="56"/>
    </row>
    <row r="389" spans="1:53" ht="15.75" customHeight="1">
      <c r="A389" s="56"/>
      <c r="B389" s="56"/>
      <c r="C389" s="56"/>
      <c r="D389" s="56"/>
      <c r="E389" s="56"/>
      <c r="F389" s="56"/>
      <c r="G389" s="56"/>
      <c r="H389" s="56"/>
      <c r="I389" s="56"/>
      <c r="J389" s="56"/>
      <c r="K389" s="56"/>
      <c r="L389" s="56"/>
      <c r="M389" s="56"/>
      <c r="N389" s="56"/>
      <c r="O389" s="56"/>
      <c r="P389" s="56"/>
      <c r="Q389" s="15"/>
      <c r="R389" s="15"/>
      <c r="S389" s="15"/>
      <c r="T389" s="56"/>
      <c r="U389" s="56"/>
      <c r="V389" s="56"/>
      <c r="W389" s="56"/>
      <c r="X389" s="56"/>
      <c r="Y389" s="56"/>
      <c r="Z389" s="56"/>
      <c r="AA389" s="56"/>
      <c r="AB389" s="56"/>
      <c r="AC389" s="56"/>
      <c r="AD389" s="56"/>
      <c r="AE389" s="56"/>
      <c r="AF389" s="56"/>
      <c r="AG389" s="56"/>
      <c r="AH389" s="56"/>
      <c r="AI389" s="56"/>
      <c r="AJ389" s="56"/>
      <c r="AK389" s="56"/>
      <c r="AL389" s="56"/>
      <c r="AM389" s="56"/>
      <c r="AN389" s="56"/>
      <c r="AO389" s="56"/>
      <c r="AP389" s="56"/>
      <c r="AQ389" s="56"/>
      <c r="AR389" s="56"/>
      <c r="AS389" s="56"/>
      <c r="AT389" s="56"/>
      <c r="AU389" s="56"/>
      <c r="AV389" s="56"/>
      <c r="AW389" s="56"/>
      <c r="AX389" s="56"/>
      <c r="AY389" s="56"/>
      <c r="AZ389" s="56"/>
      <c r="BA389" s="56"/>
    </row>
    <row r="390" spans="1:53" ht="15.75" customHeight="1">
      <c r="A390" s="56"/>
      <c r="B390" s="56"/>
      <c r="C390" s="56"/>
      <c r="D390" s="56"/>
      <c r="E390" s="56"/>
      <c r="F390" s="56"/>
      <c r="G390" s="56"/>
      <c r="H390" s="56"/>
      <c r="I390" s="56"/>
      <c r="J390" s="56"/>
      <c r="K390" s="56"/>
      <c r="L390" s="56"/>
      <c r="M390" s="56"/>
      <c r="N390" s="56"/>
      <c r="O390" s="56"/>
      <c r="P390" s="56"/>
      <c r="Q390" s="15"/>
      <c r="R390" s="15"/>
      <c r="S390" s="15"/>
      <c r="T390" s="56"/>
      <c r="U390" s="56"/>
      <c r="V390" s="56"/>
      <c r="W390" s="56"/>
      <c r="X390" s="56"/>
      <c r="Y390" s="56"/>
      <c r="Z390" s="56"/>
      <c r="AA390" s="56"/>
      <c r="AB390" s="56"/>
      <c r="AC390" s="56"/>
      <c r="AD390" s="56"/>
      <c r="AE390" s="56"/>
      <c r="AF390" s="56"/>
      <c r="AG390" s="56"/>
      <c r="AH390" s="56"/>
      <c r="AI390" s="56"/>
      <c r="AJ390" s="56"/>
      <c r="AK390" s="56"/>
      <c r="AL390" s="56"/>
      <c r="AM390" s="56"/>
      <c r="AN390" s="56"/>
      <c r="AO390" s="56"/>
      <c r="AP390" s="56"/>
      <c r="AQ390" s="56"/>
      <c r="AR390" s="56"/>
      <c r="AS390" s="56"/>
      <c r="AT390" s="56"/>
      <c r="AU390" s="56"/>
      <c r="AV390" s="56"/>
      <c r="AW390" s="56"/>
      <c r="AX390" s="56"/>
      <c r="AY390" s="56"/>
      <c r="AZ390" s="56"/>
      <c r="BA390" s="56"/>
    </row>
    <row r="391" spans="1:53" ht="15.75" customHeight="1">
      <c r="A391" s="56"/>
      <c r="B391" s="56"/>
      <c r="C391" s="56"/>
      <c r="D391" s="56"/>
      <c r="E391" s="56"/>
      <c r="F391" s="56"/>
      <c r="G391" s="56"/>
      <c r="H391" s="56"/>
      <c r="I391" s="56"/>
      <c r="J391" s="56"/>
      <c r="K391" s="56"/>
      <c r="L391" s="56"/>
      <c r="M391" s="56"/>
      <c r="N391" s="56"/>
      <c r="O391" s="56"/>
      <c r="P391" s="56"/>
      <c r="Q391" s="15"/>
      <c r="R391" s="15"/>
      <c r="S391" s="15"/>
      <c r="T391" s="56"/>
      <c r="U391" s="56"/>
      <c r="V391" s="56"/>
      <c r="W391" s="56"/>
      <c r="X391" s="56"/>
      <c r="Y391" s="56"/>
      <c r="Z391" s="56"/>
      <c r="AA391" s="56"/>
      <c r="AB391" s="56"/>
      <c r="AC391" s="56"/>
      <c r="AD391" s="56"/>
      <c r="AE391" s="56"/>
      <c r="AF391" s="56"/>
      <c r="AG391" s="56"/>
      <c r="AH391" s="56"/>
      <c r="AI391" s="56"/>
      <c r="AJ391" s="56"/>
      <c r="AK391" s="56"/>
      <c r="AL391" s="56"/>
      <c r="AM391" s="56"/>
      <c r="AN391" s="56"/>
      <c r="AO391" s="56"/>
      <c r="AP391" s="56"/>
      <c r="AQ391" s="56"/>
      <c r="AR391" s="56"/>
      <c r="AS391" s="56"/>
      <c r="AT391" s="56"/>
      <c r="AU391" s="56"/>
      <c r="AV391" s="56"/>
      <c r="AW391" s="56"/>
      <c r="AX391" s="56"/>
      <c r="AY391" s="56"/>
      <c r="AZ391" s="56"/>
      <c r="BA391" s="56"/>
    </row>
    <row r="392" spans="1:53" ht="15.75" customHeight="1">
      <c r="A392" s="56"/>
      <c r="B392" s="56"/>
      <c r="C392" s="56"/>
      <c r="D392" s="56"/>
      <c r="E392" s="56"/>
      <c r="F392" s="56"/>
      <c r="G392" s="56"/>
      <c r="H392" s="56"/>
      <c r="I392" s="56"/>
      <c r="J392" s="56"/>
      <c r="K392" s="56"/>
      <c r="L392" s="56"/>
      <c r="M392" s="56"/>
      <c r="N392" s="56"/>
      <c r="O392" s="56"/>
      <c r="P392" s="56"/>
      <c r="Q392" s="15"/>
      <c r="R392" s="15"/>
      <c r="S392" s="15"/>
      <c r="T392" s="56"/>
      <c r="U392" s="56"/>
      <c r="V392" s="56"/>
      <c r="W392" s="56"/>
      <c r="X392" s="56"/>
      <c r="Y392" s="56"/>
      <c r="Z392" s="56"/>
      <c r="AA392" s="56"/>
      <c r="AB392" s="56"/>
      <c r="AC392" s="56"/>
      <c r="AD392" s="56"/>
      <c r="AE392" s="56"/>
      <c r="AF392" s="56"/>
      <c r="AG392" s="56"/>
      <c r="AH392" s="56"/>
      <c r="AI392" s="56"/>
      <c r="AJ392" s="56"/>
      <c r="AK392" s="56"/>
      <c r="AL392" s="56"/>
      <c r="AM392" s="56"/>
      <c r="AN392" s="56"/>
      <c r="AO392" s="56"/>
      <c r="AP392" s="56"/>
      <c r="AQ392" s="56"/>
      <c r="AR392" s="56"/>
      <c r="AS392" s="56"/>
      <c r="AT392" s="56"/>
      <c r="AU392" s="56"/>
      <c r="AV392" s="56"/>
      <c r="AW392" s="56"/>
      <c r="AX392" s="56"/>
      <c r="AY392" s="56"/>
      <c r="AZ392" s="56"/>
      <c r="BA392" s="56"/>
    </row>
    <row r="393" spans="1:53" ht="15.75" customHeight="1">
      <c r="A393" s="56"/>
      <c r="B393" s="56"/>
      <c r="C393" s="56"/>
      <c r="D393" s="56"/>
      <c r="E393" s="56"/>
      <c r="F393" s="56"/>
      <c r="G393" s="56"/>
      <c r="H393" s="56"/>
      <c r="I393" s="56"/>
      <c r="J393" s="56"/>
      <c r="K393" s="56"/>
      <c r="L393" s="56"/>
      <c r="M393" s="56"/>
      <c r="N393" s="56"/>
      <c r="O393" s="56"/>
      <c r="P393" s="56"/>
      <c r="Q393" s="15"/>
      <c r="R393" s="15"/>
      <c r="S393" s="15"/>
      <c r="T393" s="56"/>
      <c r="U393" s="56"/>
      <c r="V393" s="56"/>
      <c r="W393" s="56"/>
      <c r="X393" s="56"/>
      <c r="Y393" s="56"/>
      <c r="Z393" s="56"/>
      <c r="AA393" s="56"/>
      <c r="AB393" s="56"/>
      <c r="AC393" s="56"/>
      <c r="AD393" s="56"/>
      <c r="AE393" s="56"/>
      <c r="AF393" s="56"/>
      <c r="AG393" s="56"/>
      <c r="AH393" s="56"/>
      <c r="AI393" s="56"/>
      <c r="AJ393" s="56"/>
      <c r="AK393" s="56"/>
      <c r="AL393" s="56"/>
      <c r="AM393" s="56"/>
      <c r="AN393" s="56"/>
      <c r="AO393" s="56"/>
      <c r="AP393" s="56"/>
      <c r="AQ393" s="56"/>
      <c r="AR393" s="56"/>
      <c r="AS393" s="56"/>
      <c r="AT393" s="56"/>
      <c r="AU393" s="56"/>
      <c r="AV393" s="56"/>
      <c r="AW393" s="56"/>
      <c r="AX393" s="56"/>
      <c r="AY393" s="56"/>
      <c r="AZ393" s="56"/>
      <c r="BA393" s="56"/>
    </row>
    <row r="394" spans="1:53" ht="15.75" customHeight="1">
      <c r="A394" s="56"/>
      <c r="B394" s="56"/>
      <c r="C394" s="56"/>
      <c r="D394" s="56"/>
      <c r="E394" s="56"/>
      <c r="F394" s="56"/>
      <c r="G394" s="56"/>
      <c r="H394" s="56"/>
      <c r="I394" s="56"/>
      <c r="J394" s="56"/>
      <c r="K394" s="56"/>
      <c r="L394" s="56"/>
      <c r="M394" s="56"/>
      <c r="N394" s="56"/>
      <c r="O394" s="56"/>
      <c r="P394" s="56"/>
      <c r="Q394" s="15"/>
      <c r="R394" s="15"/>
      <c r="S394" s="15"/>
      <c r="T394" s="56"/>
      <c r="U394" s="56"/>
      <c r="V394" s="56"/>
      <c r="W394" s="56"/>
      <c r="X394" s="56"/>
      <c r="Y394" s="56"/>
      <c r="Z394" s="56"/>
      <c r="AA394" s="56"/>
      <c r="AB394" s="56"/>
      <c r="AC394" s="56"/>
      <c r="AD394" s="56"/>
      <c r="AE394" s="56"/>
      <c r="AF394" s="56"/>
      <c r="AG394" s="56"/>
      <c r="AH394" s="56"/>
      <c r="AI394" s="56"/>
      <c r="AJ394" s="56"/>
      <c r="AK394" s="56"/>
      <c r="AL394" s="56"/>
      <c r="AM394" s="56"/>
      <c r="AN394" s="56"/>
      <c r="AO394" s="56"/>
      <c r="AP394" s="56"/>
      <c r="AQ394" s="56"/>
      <c r="AR394" s="56"/>
      <c r="AS394" s="56"/>
      <c r="AT394" s="56"/>
      <c r="AU394" s="56"/>
      <c r="AV394" s="56"/>
      <c r="AW394" s="56"/>
      <c r="AX394" s="56"/>
      <c r="AY394" s="56"/>
      <c r="AZ394" s="56"/>
      <c r="BA394" s="56"/>
    </row>
    <row r="395" spans="1:53" ht="15.75" customHeight="1">
      <c r="A395" s="56"/>
      <c r="B395" s="56"/>
      <c r="C395" s="56"/>
      <c r="D395" s="56"/>
      <c r="E395" s="56"/>
      <c r="F395" s="56"/>
      <c r="G395" s="56"/>
      <c r="H395" s="56"/>
      <c r="I395" s="56"/>
      <c r="J395" s="56"/>
      <c r="K395" s="56"/>
      <c r="L395" s="56"/>
      <c r="M395" s="56"/>
      <c r="N395" s="56"/>
      <c r="O395" s="56"/>
      <c r="P395" s="56"/>
      <c r="Q395" s="15"/>
      <c r="R395" s="15"/>
      <c r="S395" s="15"/>
      <c r="T395" s="56"/>
      <c r="U395" s="56"/>
      <c r="V395" s="56"/>
      <c r="W395" s="56"/>
      <c r="X395" s="56"/>
      <c r="Y395" s="56"/>
      <c r="Z395" s="56"/>
      <c r="AA395" s="56"/>
      <c r="AB395" s="56"/>
      <c r="AC395" s="56"/>
      <c r="AD395" s="56"/>
      <c r="AE395" s="56"/>
      <c r="AF395" s="56"/>
      <c r="AG395" s="56"/>
      <c r="AH395" s="56"/>
      <c r="AI395" s="56"/>
      <c r="AJ395" s="56"/>
      <c r="AK395" s="56"/>
      <c r="AL395" s="56"/>
      <c r="AM395" s="56"/>
      <c r="AN395" s="56"/>
      <c r="AO395" s="56"/>
      <c r="AP395" s="56"/>
      <c r="AQ395" s="56"/>
      <c r="AR395" s="56"/>
      <c r="AS395" s="56"/>
      <c r="AT395" s="56"/>
      <c r="AU395" s="56"/>
      <c r="AV395" s="56"/>
      <c r="AW395" s="56"/>
      <c r="AX395" s="56"/>
      <c r="AY395" s="56"/>
      <c r="AZ395" s="56"/>
      <c r="BA395" s="56"/>
    </row>
    <row r="396" spans="1:53" ht="15.75" customHeight="1">
      <c r="A396" s="56"/>
      <c r="B396" s="56"/>
      <c r="C396" s="56"/>
      <c r="D396" s="56"/>
      <c r="E396" s="56"/>
      <c r="F396" s="56"/>
      <c r="G396" s="56"/>
      <c r="H396" s="56"/>
      <c r="I396" s="56"/>
      <c r="J396" s="56"/>
      <c r="K396" s="56"/>
      <c r="L396" s="56"/>
      <c r="M396" s="56"/>
      <c r="N396" s="56"/>
      <c r="O396" s="56"/>
      <c r="P396" s="56"/>
      <c r="Q396" s="15"/>
      <c r="R396" s="15"/>
      <c r="S396" s="15"/>
      <c r="T396" s="56"/>
      <c r="U396" s="56"/>
      <c r="V396" s="56"/>
      <c r="W396" s="56"/>
      <c r="X396" s="56"/>
      <c r="Y396" s="56"/>
      <c r="Z396" s="56"/>
      <c r="AA396" s="56"/>
      <c r="AB396" s="56"/>
      <c r="AC396" s="56"/>
      <c r="AD396" s="56"/>
      <c r="AE396" s="56"/>
      <c r="AF396" s="56"/>
      <c r="AG396" s="56"/>
      <c r="AH396" s="56"/>
      <c r="AI396" s="56"/>
      <c r="AJ396" s="56"/>
      <c r="AK396" s="56"/>
      <c r="AL396" s="56"/>
      <c r="AM396" s="56"/>
      <c r="AN396" s="56"/>
      <c r="AO396" s="56"/>
      <c r="AP396" s="56"/>
      <c r="AQ396" s="56"/>
      <c r="AR396" s="56"/>
      <c r="AS396" s="56"/>
      <c r="AT396" s="56"/>
      <c r="AU396" s="56"/>
      <c r="AV396" s="56"/>
      <c r="AW396" s="56"/>
      <c r="AX396" s="56"/>
      <c r="AY396" s="56"/>
      <c r="AZ396" s="56"/>
      <c r="BA396" s="56"/>
    </row>
    <row r="397" spans="1:53" ht="15.75" customHeight="1">
      <c r="A397" s="56"/>
      <c r="B397" s="56"/>
      <c r="C397" s="56"/>
      <c r="D397" s="56"/>
      <c r="E397" s="56"/>
      <c r="F397" s="56"/>
      <c r="G397" s="56"/>
      <c r="H397" s="56"/>
      <c r="I397" s="56"/>
      <c r="J397" s="56"/>
      <c r="K397" s="56"/>
      <c r="L397" s="56"/>
      <c r="M397" s="56"/>
      <c r="N397" s="56"/>
      <c r="O397" s="56"/>
      <c r="P397" s="56"/>
      <c r="Q397" s="15"/>
      <c r="R397" s="15"/>
      <c r="S397" s="15"/>
      <c r="T397" s="56"/>
      <c r="U397" s="56"/>
      <c r="V397" s="56"/>
      <c r="W397" s="56"/>
      <c r="X397" s="56"/>
      <c r="Y397" s="56"/>
      <c r="Z397" s="56"/>
      <c r="AA397" s="56"/>
      <c r="AB397" s="56"/>
      <c r="AC397" s="56"/>
      <c r="AD397" s="56"/>
      <c r="AE397" s="56"/>
      <c r="AF397" s="56"/>
      <c r="AG397" s="56"/>
      <c r="AH397" s="56"/>
      <c r="AI397" s="56"/>
      <c r="AJ397" s="56"/>
      <c r="AK397" s="56"/>
      <c r="AL397" s="56"/>
      <c r="AM397" s="56"/>
      <c r="AN397" s="56"/>
      <c r="AO397" s="56"/>
      <c r="AP397" s="56"/>
      <c r="AQ397" s="56"/>
      <c r="AR397" s="56"/>
      <c r="AS397" s="56"/>
      <c r="AT397" s="56"/>
      <c r="AU397" s="56"/>
      <c r="AV397" s="56"/>
      <c r="AW397" s="56"/>
      <c r="AX397" s="56"/>
      <c r="AY397" s="56"/>
      <c r="AZ397" s="56"/>
      <c r="BA397" s="56"/>
    </row>
    <row r="398" spans="1:53" ht="15.75" customHeight="1">
      <c r="A398" s="56"/>
      <c r="B398" s="56"/>
      <c r="C398" s="56"/>
      <c r="D398" s="56"/>
      <c r="E398" s="56"/>
      <c r="F398" s="56"/>
      <c r="G398" s="56"/>
      <c r="H398" s="56"/>
      <c r="I398" s="56"/>
      <c r="J398" s="56"/>
      <c r="K398" s="56"/>
      <c r="L398" s="56"/>
      <c r="M398" s="56"/>
      <c r="N398" s="56"/>
      <c r="O398" s="56"/>
      <c r="P398" s="56"/>
      <c r="Q398" s="15"/>
      <c r="R398" s="15"/>
      <c r="S398" s="15"/>
      <c r="T398" s="56"/>
      <c r="U398" s="56"/>
      <c r="V398" s="56"/>
      <c r="W398" s="56"/>
      <c r="X398" s="56"/>
      <c r="Y398" s="56"/>
      <c r="Z398" s="56"/>
      <c r="AA398" s="56"/>
      <c r="AB398" s="56"/>
      <c r="AC398" s="56"/>
      <c r="AD398" s="56"/>
      <c r="AE398" s="56"/>
      <c r="AF398" s="56"/>
      <c r="AG398" s="56"/>
      <c r="AH398" s="56"/>
      <c r="AI398" s="56"/>
      <c r="AJ398" s="56"/>
      <c r="AK398" s="56"/>
      <c r="AL398" s="56"/>
      <c r="AM398" s="56"/>
      <c r="AN398" s="56"/>
      <c r="AO398" s="56"/>
      <c r="AP398" s="56"/>
      <c r="AQ398" s="56"/>
      <c r="AR398" s="56"/>
      <c r="AS398" s="56"/>
      <c r="AT398" s="56"/>
      <c r="AU398" s="56"/>
      <c r="AV398" s="56"/>
      <c r="AW398" s="56"/>
      <c r="AX398" s="56"/>
      <c r="AY398" s="56"/>
      <c r="AZ398" s="56"/>
      <c r="BA398" s="56"/>
    </row>
    <row r="399" spans="1:53" ht="15.75" customHeight="1">
      <c r="A399" s="56"/>
      <c r="B399" s="56"/>
      <c r="C399" s="56"/>
      <c r="D399" s="56"/>
      <c r="E399" s="56"/>
      <c r="F399" s="56"/>
      <c r="G399" s="56"/>
      <c r="H399" s="56"/>
      <c r="I399" s="56"/>
      <c r="J399" s="56"/>
      <c r="K399" s="56"/>
      <c r="L399" s="56"/>
      <c r="M399" s="56"/>
      <c r="N399" s="56"/>
      <c r="O399" s="56"/>
      <c r="P399" s="56"/>
      <c r="Q399" s="15"/>
      <c r="R399" s="15"/>
      <c r="S399" s="15"/>
      <c r="T399" s="56"/>
      <c r="U399" s="56"/>
      <c r="V399" s="56"/>
      <c r="W399" s="56"/>
      <c r="X399" s="56"/>
      <c r="Y399" s="56"/>
      <c r="Z399" s="56"/>
      <c r="AA399" s="56"/>
      <c r="AB399" s="56"/>
      <c r="AC399" s="56"/>
      <c r="AD399" s="56"/>
      <c r="AE399" s="56"/>
      <c r="AF399" s="56"/>
      <c r="AG399" s="56"/>
      <c r="AH399" s="56"/>
      <c r="AI399" s="56"/>
      <c r="AJ399" s="56"/>
      <c r="AK399" s="56"/>
      <c r="AL399" s="56"/>
      <c r="AM399" s="56"/>
      <c r="AN399" s="56"/>
      <c r="AO399" s="56"/>
      <c r="AP399" s="56"/>
      <c r="AQ399" s="56"/>
      <c r="AR399" s="56"/>
      <c r="AS399" s="56"/>
      <c r="AT399" s="56"/>
      <c r="AU399" s="56"/>
      <c r="AV399" s="56"/>
      <c r="AW399" s="56"/>
      <c r="AX399" s="56"/>
      <c r="AY399" s="56"/>
      <c r="AZ399" s="56"/>
      <c r="BA399" s="56"/>
    </row>
    <row r="400" spans="1:53" ht="15.75" customHeight="1">
      <c r="A400" s="56"/>
      <c r="B400" s="56"/>
      <c r="C400" s="56"/>
      <c r="D400" s="56"/>
      <c r="E400" s="56"/>
      <c r="F400" s="56"/>
      <c r="G400" s="56"/>
      <c r="H400" s="56"/>
      <c r="I400" s="56"/>
      <c r="J400" s="56"/>
      <c r="K400" s="56"/>
      <c r="L400" s="56"/>
      <c r="M400" s="56"/>
      <c r="N400" s="56"/>
      <c r="O400" s="56"/>
      <c r="P400" s="56"/>
      <c r="Q400" s="15"/>
      <c r="R400" s="15"/>
      <c r="S400" s="15"/>
      <c r="T400" s="56"/>
      <c r="U400" s="56"/>
      <c r="V400" s="56"/>
      <c r="W400" s="56"/>
      <c r="X400" s="56"/>
      <c r="Y400" s="56"/>
      <c r="Z400" s="56"/>
      <c r="AA400" s="56"/>
      <c r="AB400" s="56"/>
      <c r="AC400" s="56"/>
      <c r="AD400" s="56"/>
      <c r="AE400" s="56"/>
      <c r="AF400" s="56"/>
      <c r="AG400" s="56"/>
      <c r="AH400" s="56"/>
      <c r="AI400" s="56"/>
      <c r="AJ400" s="56"/>
      <c r="AK400" s="56"/>
      <c r="AL400" s="56"/>
      <c r="AM400" s="56"/>
      <c r="AN400" s="56"/>
      <c r="AO400" s="56"/>
      <c r="AP400" s="56"/>
      <c r="AQ400" s="56"/>
      <c r="AR400" s="56"/>
      <c r="AS400" s="56"/>
      <c r="AT400" s="56"/>
      <c r="AU400" s="56"/>
      <c r="AV400" s="56"/>
      <c r="AW400" s="56"/>
      <c r="AX400" s="56"/>
      <c r="AY400" s="56"/>
      <c r="AZ400" s="56"/>
      <c r="BA400" s="56"/>
    </row>
    <row r="401" spans="1:53" ht="15.75" customHeight="1">
      <c r="A401" s="56"/>
      <c r="B401" s="56"/>
      <c r="C401" s="56"/>
      <c r="D401" s="56"/>
      <c r="E401" s="56"/>
      <c r="F401" s="56"/>
      <c r="G401" s="56"/>
      <c r="H401" s="56"/>
      <c r="I401" s="56"/>
      <c r="J401" s="56"/>
      <c r="K401" s="56"/>
      <c r="L401" s="56"/>
      <c r="M401" s="56"/>
      <c r="N401" s="56"/>
      <c r="O401" s="56"/>
      <c r="P401" s="56"/>
      <c r="Q401" s="15"/>
      <c r="R401" s="15"/>
      <c r="S401" s="15"/>
      <c r="T401" s="56"/>
      <c r="U401" s="56"/>
      <c r="V401" s="56"/>
      <c r="W401" s="56"/>
      <c r="X401" s="56"/>
      <c r="Y401" s="56"/>
      <c r="Z401" s="56"/>
      <c r="AA401" s="56"/>
      <c r="AB401" s="56"/>
      <c r="AC401" s="56"/>
      <c r="AD401" s="56"/>
      <c r="AE401" s="56"/>
      <c r="AF401" s="56"/>
      <c r="AG401" s="56"/>
      <c r="AH401" s="56"/>
      <c r="AI401" s="56"/>
      <c r="AJ401" s="56"/>
      <c r="AK401" s="56"/>
      <c r="AL401" s="56"/>
      <c r="AM401" s="56"/>
      <c r="AN401" s="56"/>
      <c r="AO401" s="56"/>
      <c r="AP401" s="56"/>
      <c r="AQ401" s="56"/>
      <c r="AR401" s="56"/>
      <c r="AS401" s="56"/>
      <c r="AT401" s="56"/>
      <c r="AU401" s="56"/>
      <c r="AV401" s="56"/>
      <c r="AW401" s="56"/>
      <c r="AX401" s="56"/>
      <c r="AY401" s="56"/>
      <c r="AZ401" s="56"/>
      <c r="BA401" s="56"/>
    </row>
    <row r="402" spans="1:53" ht="15.75" customHeight="1">
      <c r="A402" s="56"/>
      <c r="B402" s="56"/>
      <c r="C402" s="56"/>
      <c r="D402" s="56"/>
      <c r="E402" s="56"/>
      <c r="F402" s="56"/>
      <c r="G402" s="56"/>
      <c r="H402" s="56"/>
      <c r="I402" s="56"/>
      <c r="J402" s="56"/>
      <c r="K402" s="56"/>
      <c r="L402" s="56"/>
      <c r="M402" s="56"/>
      <c r="N402" s="56"/>
      <c r="O402" s="56"/>
      <c r="P402" s="56"/>
      <c r="Q402" s="15"/>
      <c r="R402" s="15"/>
      <c r="S402" s="15"/>
      <c r="T402" s="56"/>
      <c r="U402" s="56"/>
      <c r="V402" s="56"/>
      <c r="W402" s="56"/>
      <c r="X402" s="56"/>
      <c r="Y402" s="56"/>
      <c r="Z402" s="56"/>
      <c r="AA402" s="56"/>
      <c r="AB402" s="56"/>
      <c r="AC402" s="56"/>
      <c r="AD402" s="56"/>
      <c r="AE402" s="56"/>
      <c r="AF402" s="56"/>
      <c r="AG402" s="56"/>
      <c r="AH402" s="56"/>
      <c r="AI402" s="56"/>
      <c r="AJ402" s="56"/>
      <c r="AK402" s="56"/>
      <c r="AL402" s="56"/>
      <c r="AM402" s="56"/>
      <c r="AN402" s="56"/>
      <c r="AO402" s="56"/>
      <c r="AP402" s="56"/>
      <c r="AQ402" s="56"/>
      <c r="AR402" s="56"/>
      <c r="AS402" s="56"/>
      <c r="AT402" s="56"/>
      <c r="AU402" s="56"/>
      <c r="AV402" s="56"/>
      <c r="AW402" s="56"/>
      <c r="AX402" s="56"/>
      <c r="AY402" s="56"/>
      <c r="AZ402" s="56"/>
      <c r="BA402" s="56"/>
    </row>
    <row r="403" spans="1:53" ht="15.75" customHeight="1">
      <c r="A403" s="56"/>
      <c r="B403" s="56"/>
      <c r="C403" s="56"/>
      <c r="D403" s="56"/>
      <c r="E403" s="56"/>
      <c r="F403" s="56"/>
      <c r="G403" s="56"/>
      <c r="H403" s="56"/>
      <c r="I403" s="56"/>
      <c r="J403" s="56"/>
      <c r="K403" s="56"/>
      <c r="L403" s="56"/>
      <c r="M403" s="56"/>
      <c r="N403" s="56"/>
      <c r="O403" s="56"/>
      <c r="P403" s="56"/>
      <c r="Q403" s="15"/>
      <c r="R403" s="15"/>
      <c r="S403" s="15"/>
      <c r="T403" s="56"/>
      <c r="U403" s="56"/>
      <c r="V403" s="56"/>
      <c r="W403" s="56"/>
      <c r="X403" s="56"/>
      <c r="Y403" s="56"/>
      <c r="Z403" s="56"/>
      <c r="AA403" s="56"/>
      <c r="AB403" s="56"/>
      <c r="AC403" s="56"/>
      <c r="AD403" s="56"/>
      <c r="AE403" s="56"/>
      <c r="AF403" s="56"/>
      <c r="AG403" s="56"/>
      <c r="AH403" s="56"/>
      <c r="AI403" s="56"/>
      <c r="AJ403" s="56"/>
      <c r="AK403" s="56"/>
      <c r="AL403" s="56"/>
      <c r="AM403" s="56"/>
      <c r="AN403" s="56"/>
      <c r="AO403" s="56"/>
      <c r="AP403" s="56"/>
      <c r="AQ403" s="56"/>
      <c r="AR403" s="56"/>
      <c r="AS403" s="56"/>
      <c r="AT403" s="56"/>
      <c r="AU403" s="56"/>
      <c r="AV403" s="56"/>
      <c r="AW403" s="56"/>
      <c r="AX403" s="56"/>
      <c r="AY403" s="56"/>
      <c r="AZ403" s="56"/>
      <c r="BA403" s="56"/>
    </row>
    <row r="404" spans="1:53" ht="15.75" customHeight="1">
      <c r="A404" s="56"/>
      <c r="B404" s="56"/>
      <c r="C404" s="56"/>
      <c r="D404" s="56"/>
      <c r="E404" s="56"/>
      <c r="F404" s="56"/>
      <c r="G404" s="56"/>
      <c r="H404" s="56"/>
      <c r="I404" s="56"/>
      <c r="J404" s="56"/>
      <c r="K404" s="56"/>
      <c r="L404" s="56"/>
      <c r="M404" s="56"/>
      <c r="N404" s="56"/>
      <c r="O404" s="56"/>
      <c r="P404" s="56"/>
      <c r="Q404" s="15"/>
      <c r="R404" s="15"/>
      <c r="S404" s="15"/>
      <c r="T404" s="56"/>
      <c r="U404" s="56"/>
      <c r="V404" s="56"/>
      <c r="W404" s="56"/>
      <c r="X404" s="56"/>
      <c r="Y404" s="56"/>
      <c r="Z404" s="56"/>
      <c r="AA404" s="56"/>
      <c r="AB404" s="56"/>
      <c r="AC404" s="56"/>
      <c r="AD404" s="56"/>
      <c r="AE404" s="56"/>
      <c r="AF404" s="56"/>
      <c r="AG404" s="56"/>
      <c r="AH404" s="56"/>
      <c r="AI404" s="56"/>
      <c r="AJ404" s="56"/>
      <c r="AK404" s="56"/>
      <c r="AL404" s="56"/>
      <c r="AM404" s="56"/>
      <c r="AN404" s="56"/>
      <c r="AO404" s="56"/>
      <c r="AP404" s="56"/>
      <c r="AQ404" s="56"/>
      <c r="AR404" s="56"/>
      <c r="AS404" s="56"/>
      <c r="AT404" s="56"/>
      <c r="AU404" s="56"/>
      <c r="AV404" s="56"/>
      <c r="AW404" s="56"/>
      <c r="AX404" s="56"/>
      <c r="AY404" s="56"/>
      <c r="AZ404" s="56"/>
      <c r="BA404" s="56"/>
    </row>
    <row r="405" spans="1:53" ht="15.75" customHeight="1">
      <c r="A405" s="56"/>
      <c r="B405" s="56"/>
      <c r="C405" s="56"/>
      <c r="D405" s="56"/>
      <c r="E405" s="56"/>
      <c r="F405" s="56"/>
      <c r="G405" s="56"/>
      <c r="H405" s="56"/>
      <c r="I405" s="56"/>
      <c r="J405" s="56"/>
      <c r="K405" s="56"/>
      <c r="L405" s="56"/>
      <c r="M405" s="56"/>
      <c r="N405" s="56"/>
      <c r="O405" s="56"/>
      <c r="P405" s="56"/>
      <c r="Q405" s="15"/>
      <c r="R405" s="15"/>
      <c r="S405" s="15"/>
      <c r="T405" s="56"/>
      <c r="U405" s="56"/>
      <c r="V405" s="56"/>
      <c r="W405" s="56"/>
      <c r="X405" s="56"/>
      <c r="Y405" s="56"/>
      <c r="Z405" s="56"/>
      <c r="AA405" s="56"/>
      <c r="AB405" s="56"/>
      <c r="AC405" s="56"/>
      <c r="AD405" s="56"/>
      <c r="AE405" s="56"/>
      <c r="AF405" s="56"/>
      <c r="AG405" s="56"/>
      <c r="AH405" s="56"/>
      <c r="AI405" s="56"/>
      <c r="AJ405" s="56"/>
      <c r="AK405" s="56"/>
      <c r="AL405" s="56"/>
      <c r="AM405" s="56"/>
      <c r="AN405" s="56"/>
      <c r="AO405" s="56"/>
      <c r="AP405" s="56"/>
      <c r="AQ405" s="56"/>
      <c r="AR405" s="56"/>
      <c r="AS405" s="56"/>
      <c r="AT405" s="56"/>
      <c r="AU405" s="56"/>
      <c r="AV405" s="56"/>
      <c r="AW405" s="56"/>
      <c r="AX405" s="56"/>
      <c r="AY405" s="56"/>
      <c r="AZ405" s="56"/>
      <c r="BA405" s="56"/>
    </row>
    <row r="406" spans="1:53" ht="15.75" customHeight="1">
      <c r="A406" s="56"/>
      <c r="B406" s="56"/>
      <c r="C406" s="56"/>
      <c r="D406" s="56"/>
      <c r="E406" s="56"/>
      <c r="F406" s="56"/>
      <c r="G406" s="56"/>
      <c r="H406" s="56"/>
      <c r="I406" s="56"/>
      <c r="J406" s="56"/>
      <c r="K406" s="56"/>
      <c r="L406" s="56"/>
      <c r="M406" s="56"/>
      <c r="N406" s="56"/>
      <c r="O406" s="56"/>
      <c r="P406" s="56"/>
      <c r="Q406" s="15"/>
      <c r="R406" s="15"/>
      <c r="S406" s="15"/>
      <c r="T406" s="56"/>
      <c r="U406" s="56"/>
      <c r="V406" s="56"/>
      <c r="W406" s="56"/>
      <c r="X406" s="56"/>
      <c r="Y406" s="56"/>
      <c r="Z406" s="56"/>
      <c r="AA406" s="56"/>
      <c r="AB406" s="56"/>
      <c r="AC406" s="56"/>
      <c r="AD406" s="56"/>
      <c r="AE406" s="56"/>
      <c r="AF406" s="56"/>
      <c r="AG406" s="56"/>
      <c r="AH406" s="56"/>
      <c r="AI406" s="56"/>
      <c r="AJ406" s="56"/>
      <c r="AK406" s="56"/>
      <c r="AL406" s="56"/>
      <c r="AM406" s="56"/>
      <c r="AN406" s="56"/>
      <c r="AO406" s="56"/>
      <c r="AP406" s="56"/>
      <c r="AQ406" s="56"/>
      <c r="AR406" s="56"/>
      <c r="AS406" s="56"/>
      <c r="AT406" s="56"/>
      <c r="AU406" s="56"/>
      <c r="AV406" s="56"/>
      <c r="AW406" s="56"/>
      <c r="AX406" s="56"/>
      <c r="AY406" s="56"/>
      <c r="AZ406" s="56"/>
      <c r="BA406" s="56"/>
    </row>
    <row r="407" spans="1:53" ht="15.75" customHeight="1">
      <c r="A407" s="56"/>
      <c r="B407" s="56"/>
      <c r="C407" s="56"/>
      <c r="D407" s="56"/>
      <c r="E407" s="56"/>
      <c r="F407" s="56"/>
      <c r="G407" s="56"/>
      <c r="H407" s="56"/>
      <c r="I407" s="56"/>
      <c r="J407" s="56"/>
      <c r="K407" s="56"/>
      <c r="L407" s="56"/>
      <c r="M407" s="56"/>
      <c r="N407" s="56"/>
      <c r="O407" s="56"/>
      <c r="P407" s="56"/>
      <c r="Q407" s="15"/>
      <c r="R407" s="15"/>
      <c r="S407" s="15"/>
      <c r="T407" s="56"/>
      <c r="U407" s="56"/>
      <c r="V407" s="56"/>
      <c r="W407" s="56"/>
      <c r="X407" s="56"/>
      <c r="Y407" s="56"/>
      <c r="Z407" s="56"/>
      <c r="AA407" s="56"/>
      <c r="AB407" s="56"/>
      <c r="AC407" s="56"/>
      <c r="AD407" s="56"/>
      <c r="AE407" s="56"/>
      <c r="AF407" s="56"/>
      <c r="AG407" s="56"/>
      <c r="AH407" s="56"/>
      <c r="AI407" s="56"/>
      <c r="AJ407" s="56"/>
      <c r="AK407" s="56"/>
      <c r="AL407" s="56"/>
      <c r="AM407" s="56"/>
      <c r="AN407" s="56"/>
      <c r="AO407" s="56"/>
      <c r="AP407" s="56"/>
      <c r="AQ407" s="56"/>
      <c r="AR407" s="56"/>
      <c r="AS407" s="56"/>
      <c r="AT407" s="56"/>
      <c r="AU407" s="56"/>
      <c r="AV407" s="56"/>
      <c r="AW407" s="56"/>
      <c r="AX407" s="56"/>
      <c r="AY407" s="56"/>
      <c r="AZ407" s="56"/>
      <c r="BA407" s="56"/>
    </row>
    <row r="408" spans="1:53" ht="15.75" customHeight="1">
      <c r="A408" s="56"/>
      <c r="B408" s="56"/>
      <c r="C408" s="56"/>
      <c r="D408" s="56"/>
      <c r="E408" s="56"/>
      <c r="F408" s="56"/>
      <c r="G408" s="56"/>
      <c r="H408" s="56"/>
      <c r="I408" s="56"/>
      <c r="J408" s="56"/>
      <c r="K408" s="56"/>
      <c r="L408" s="56"/>
      <c r="M408" s="56"/>
      <c r="N408" s="56"/>
      <c r="O408" s="56"/>
      <c r="P408" s="56"/>
      <c r="Q408" s="15"/>
      <c r="R408" s="15"/>
      <c r="S408" s="15"/>
      <c r="T408" s="56"/>
      <c r="U408" s="56"/>
      <c r="V408" s="56"/>
      <c r="W408" s="56"/>
      <c r="X408" s="56"/>
      <c r="Y408" s="56"/>
      <c r="Z408" s="56"/>
      <c r="AA408" s="56"/>
      <c r="AB408" s="56"/>
      <c r="AC408" s="56"/>
      <c r="AD408" s="56"/>
      <c r="AE408" s="56"/>
      <c r="AF408" s="56"/>
      <c r="AG408" s="56"/>
      <c r="AH408" s="56"/>
      <c r="AI408" s="56"/>
      <c r="AJ408" s="56"/>
      <c r="AK408" s="56"/>
      <c r="AL408" s="56"/>
      <c r="AM408" s="56"/>
      <c r="AN408" s="56"/>
      <c r="AO408" s="56"/>
      <c r="AP408" s="56"/>
      <c r="AQ408" s="56"/>
      <c r="AR408" s="56"/>
      <c r="AS408" s="56"/>
      <c r="AT408" s="56"/>
      <c r="AU408" s="56"/>
      <c r="AV408" s="56"/>
      <c r="AW408" s="56"/>
      <c r="AX408" s="56"/>
      <c r="AY408" s="56"/>
      <c r="AZ408" s="56"/>
      <c r="BA408" s="56"/>
    </row>
    <row r="409" spans="1:53" ht="15.75" customHeight="1">
      <c r="A409" s="56"/>
      <c r="B409" s="56"/>
      <c r="C409" s="56"/>
      <c r="D409" s="56"/>
      <c r="E409" s="56"/>
      <c r="F409" s="56"/>
      <c r="G409" s="56"/>
      <c r="H409" s="56"/>
      <c r="I409" s="56"/>
      <c r="J409" s="56"/>
      <c r="K409" s="56"/>
      <c r="L409" s="56"/>
      <c r="M409" s="56"/>
      <c r="N409" s="56"/>
      <c r="O409" s="56"/>
      <c r="P409" s="56"/>
      <c r="Q409" s="15"/>
      <c r="R409" s="15"/>
      <c r="S409" s="15"/>
      <c r="T409" s="56"/>
      <c r="U409" s="56"/>
      <c r="V409" s="56"/>
      <c r="W409" s="56"/>
      <c r="X409" s="56"/>
      <c r="Y409" s="56"/>
      <c r="Z409" s="56"/>
      <c r="AA409" s="56"/>
      <c r="AB409" s="56"/>
      <c r="AC409" s="56"/>
      <c r="AD409" s="56"/>
      <c r="AE409" s="56"/>
      <c r="AF409" s="56"/>
      <c r="AG409" s="56"/>
      <c r="AH409" s="56"/>
      <c r="AI409" s="56"/>
      <c r="AJ409" s="56"/>
      <c r="AK409" s="56"/>
      <c r="AL409" s="56"/>
      <c r="AM409" s="56"/>
      <c r="AN409" s="56"/>
      <c r="AO409" s="56"/>
      <c r="AP409" s="56"/>
      <c r="AQ409" s="56"/>
      <c r="AR409" s="56"/>
      <c r="AS409" s="56"/>
      <c r="AT409" s="56"/>
      <c r="AU409" s="56"/>
      <c r="AV409" s="56"/>
      <c r="AW409" s="56"/>
      <c r="AX409" s="56"/>
      <c r="AY409" s="56"/>
      <c r="AZ409" s="56"/>
      <c r="BA409" s="56"/>
    </row>
    <row r="410" spans="1:53" ht="15.75" customHeight="1">
      <c r="A410" s="56"/>
      <c r="B410" s="56"/>
      <c r="C410" s="56"/>
      <c r="D410" s="56"/>
      <c r="E410" s="56"/>
      <c r="F410" s="56"/>
      <c r="G410" s="56"/>
      <c r="H410" s="56"/>
      <c r="I410" s="56"/>
      <c r="J410" s="56"/>
      <c r="K410" s="56"/>
      <c r="L410" s="56"/>
      <c r="M410" s="56"/>
      <c r="N410" s="56"/>
      <c r="O410" s="56"/>
      <c r="P410" s="56"/>
      <c r="Q410" s="15"/>
      <c r="R410" s="15"/>
      <c r="S410" s="15"/>
      <c r="T410" s="56"/>
      <c r="U410" s="56"/>
      <c r="V410" s="56"/>
      <c r="W410" s="56"/>
      <c r="X410" s="56"/>
      <c r="Y410" s="56"/>
      <c r="Z410" s="56"/>
      <c r="AA410" s="56"/>
      <c r="AB410" s="56"/>
      <c r="AC410" s="56"/>
      <c r="AD410" s="56"/>
      <c r="AE410" s="56"/>
      <c r="AF410" s="56"/>
      <c r="AG410" s="56"/>
      <c r="AH410" s="56"/>
      <c r="AI410" s="56"/>
      <c r="AJ410" s="56"/>
      <c r="AK410" s="56"/>
      <c r="AL410" s="56"/>
      <c r="AM410" s="56"/>
      <c r="AN410" s="56"/>
      <c r="AO410" s="56"/>
      <c r="AP410" s="56"/>
      <c r="AQ410" s="56"/>
      <c r="AR410" s="56"/>
      <c r="AS410" s="56"/>
      <c r="AT410" s="56"/>
      <c r="AU410" s="56"/>
      <c r="AV410" s="56"/>
      <c r="AW410" s="56"/>
      <c r="AX410" s="56"/>
      <c r="AY410" s="56"/>
      <c r="AZ410" s="56"/>
      <c r="BA410" s="56"/>
    </row>
    <row r="411" spans="1:53" ht="15.75" customHeight="1">
      <c r="A411" s="56"/>
      <c r="B411" s="56"/>
      <c r="C411" s="56"/>
      <c r="D411" s="56"/>
      <c r="E411" s="56"/>
      <c r="F411" s="56"/>
      <c r="G411" s="56"/>
      <c r="H411" s="56"/>
      <c r="I411" s="56"/>
      <c r="J411" s="56"/>
      <c r="K411" s="56"/>
      <c r="L411" s="56"/>
      <c r="M411" s="56"/>
      <c r="N411" s="56"/>
      <c r="O411" s="56"/>
      <c r="P411" s="56"/>
      <c r="Q411" s="15"/>
      <c r="R411" s="15"/>
      <c r="S411" s="15"/>
      <c r="T411" s="56"/>
      <c r="U411" s="56"/>
      <c r="V411" s="56"/>
      <c r="W411" s="56"/>
      <c r="X411" s="56"/>
      <c r="Y411" s="56"/>
      <c r="Z411" s="56"/>
      <c r="AA411" s="56"/>
      <c r="AB411" s="56"/>
      <c r="AC411" s="56"/>
      <c r="AD411" s="56"/>
      <c r="AE411" s="56"/>
      <c r="AF411" s="56"/>
      <c r="AG411" s="56"/>
      <c r="AH411" s="56"/>
      <c r="AI411" s="56"/>
      <c r="AJ411" s="56"/>
      <c r="AK411" s="56"/>
      <c r="AL411" s="56"/>
      <c r="AM411" s="56"/>
      <c r="AN411" s="56"/>
      <c r="AO411" s="56"/>
      <c r="AP411" s="56"/>
      <c r="AQ411" s="56"/>
      <c r="AR411" s="56"/>
      <c r="AS411" s="56"/>
      <c r="AT411" s="56"/>
      <c r="AU411" s="56"/>
      <c r="AV411" s="56"/>
      <c r="AW411" s="56"/>
      <c r="AX411" s="56"/>
      <c r="AY411" s="56"/>
      <c r="AZ411" s="56"/>
      <c r="BA411" s="56"/>
    </row>
    <row r="412" spans="1:53" ht="15.75" customHeight="1">
      <c r="A412" s="56"/>
      <c r="B412" s="56"/>
      <c r="C412" s="56"/>
      <c r="D412" s="56"/>
      <c r="E412" s="56"/>
      <c r="F412" s="56"/>
      <c r="G412" s="56"/>
      <c r="H412" s="56"/>
      <c r="I412" s="56"/>
      <c r="J412" s="56"/>
      <c r="K412" s="56"/>
      <c r="L412" s="56"/>
      <c r="M412" s="56"/>
      <c r="N412" s="56"/>
      <c r="O412" s="56"/>
      <c r="P412" s="56"/>
      <c r="Q412" s="15"/>
      <c r="R412" s="15"/>
      <c r="S412" s="15"/>
      <c r="T412" s="56"/>
      <c r="U412" s="56"/>
      <c r="V412" s="56"/>
      <c r="W412" s="56"/>
      <c r="X412" s="56"/>
      <c r="Y412" s="56"/>
      <c r="Z412" s="56"/>
      <c r="AA412" s="56"/>
      <c r="AB412" s="56"/>
      <c r="AC412" s="56"/>
      <c r="AD412" s="56"/>
      <c r="AE412" s="56"/>
      <c r="AF412" s="56"/>
      <c r="AG412" s="56"/>
      <c r="AH412" s="56"/>
      <c r="AI412" s="56"/>
      <c r="AJ412" s="56"/>
      <c r="AK412" s="56"/>
      <c r="AL412" s="56"/>
      <c r="AM412" s="56"/>
      <c r="AN412" s="56"/>
      <c r="AO412" s="56"/>
      <c r="AP412" s="56"/>
      <c r="AQ412" s="56"/>
      <c r="AR412" s="56"/>
      <c r="AS412" s="56"/>
      <c r="AT412" s="56"/>
      <c r="AU412" s="56"/>
      <c r="AV412" s="56"/>
      <c r="AW412" s="56"/>
      <c r="AX412" s="56"/>
      <c r="AY412" s="56"/>
      <c r="AZ412" s="56"/>
      <c r="BA412" s="56"/>
    </row>
    <row r="413" spans="1:53" ht="15.75" customHeight="1">
      <c r="A413" s="56"/>
      <c r="B413" s="56"/>
      <c r="C413" s="56"/>
      <c r="D413" s="56"/>
      <c r="E413" s="56"/>
      <c r="F413" s="56"/>
      <c r="G413" s="56"/>
      <c r="H413" s="56"/>
      <c r="I413" s="56"/>
      <c r="J413" s="56"/>
      <c r="K413" s="56"/>
      <c r="L413" s="56"/>
      <c r="M413" s="56"/>
      <c r="N413" s="56"/>
      <c r="O413" s="56"/>
      <c r="P413" s="56"/>
      <c r="Q413" s="15"/>
      <c r="R413" s="15"/>
      <c r="S413" s="15"/>
      <c r="T413" s="56"/>
      <c r="U413" s="56"/>
      <c r="V413" s="56"/>
      <c r="W413" s="56"/>
      <c r="X413" s="56"/>
      <c r="Y413" s="56"/>
      <c r="Z413" s="56"/>
      <c r="AA413" s="56"/>
      <c r="AB413" s="56"/>
      <c r="AC413" s="56"/>
      <c r="AD413" s="56"/>
      <c r="AE413" s="56"/>
      <c r="AF413" s="56"/>
      <c r="AG413" s="56"/>
      <c r="AH413" s="56"/>
      <c r="AI413" s="56"/>
      <c r="AJ413" s="56"/>
      <c r="AK413" s="56"/>
      <c r="AL413" s="56"/>
      <c r="AM413" s="56"/>
      <c r="AN413" s="56"/>
      <c r="AO413" s="56"/>
      <c r="AP413" s="56"/>
      <c r="AQ413" s="56"/>
      <c r="AR413" s="56"/>
      <c r="AS413" s="56"/>
      <c r="AT413" s="56"/>
      <c r="AU413" s="56"/>
      <c r="AV413" s="56"/>
      <c r="AW413" s="56"/>
      <c r="AX413" s="56"/>
      <c r="AY413" s="56"/>
      <c r="AZ413" s="56"/>
      <c r="BA413" s="56"/>
    </row>
    <row r="414" spans="1:53" ht="15.75" customHeight="1">
      <c r="A414" s="56"/>
      <c r="B414" s="56"/>
      <c r="C414" s="56"/>
      <c r="D414" s="56"/>
      <c r="E414" s="56"/>
      <c r="F414" s="56"/>
      <c r="G414" s="56"/>
      <c r="H414" s="56"/>
      <c r="I414" s="56"/>
      <c r="J414" s="56"/>
      <c r="K414" s="56"/>
      <c r="L414" s="56"/>
      <c r="M414" s="56"/>
      <c r="N414" s="56"/>
      <c r="O414" s="56"/>
      <c r="P414" s="56"/>
      <c r="Q414" s="15"/>
      <c r="R414" s="15"/>
      <c r="S414" s="15"/>
      <c r="T414" s="56"/>
      <c r="U414" s="56"/>
      <c r="V414" s="56"/>
      <c r="W414" s="56"/>
      <c r="X414" s="56"/>
      <c r="Y414" s="56"/>
      <c r="Z414" s="56"/>
      <c r="AA414" s="56"/>
      <c r="AB414" s="56"/>
      <c r="AC414" s="56"/>
      <c r="AD414" s="56"/>
      <c r="AE414" s="56"/>
      <c r="AF414" s="56"/>
      <c r="AG414" s="56"/>
      <c r="AH414" s="56"/>
      <c r="AI414" s="56"/>
      <c r="AJ414" s="56"/>
      <c r="AK414" s="56"/>
      <c r="AL414" s="56"/>
      <c r="AM414" s="56"/>
      <c r="AN414" s="56"/>
      <c r="AO414" s="56"/>
      <c r="AP414" s="56"/>
      <c r="AQ414" s="56"/>
      <c r="AR414" s="56"/>
      <c r="AS414" s="56"/>
      <c r="AT414" s="56"/>
      <c r="AU414" s="56"/>
      <c r="AV414" s="56"/>
      <c r="AW414" s="56"/>
      <c r="AX414" s="56"/>
      <c r="AY414" s="56"/>
      <c r="AZ414" s="56"/>
      <c r="BA414" s="56"/>
    </row>
    <row r="415" spans="1:53" ht="15.75" customHeight="1">
      <c r="A415" s="56"/>
      <c r="B415" s="56"/>
      <c r="C415" s="56"/>
      <c r="D415" s="56"/>
      <c r="E415" s="56"/>
      <c r="F415" s="56"/>
      <c r="G415" s="56"/>
      <c r="H415" s="56"/>
      <c r="I415" s="56"/>
      <c r="J415" s="56"/>
      <c r="K415" s="56"/>
      <c r="L415" s="56"/>
      <c r="M415" s="56"/>
      <c r="N415" s="56"/>
      <c r="O415" s="56"/>
      <c r="P415" s="56"/>
      <c r="Q415" s="15"/>
      <c r="R415" s="15"/>
      <c r="S415" s="15"/>
      <c r="T415" s="56"/>
      <c r="U415" s="56"/>
      <c r="V415" s="56"/>
      <c r="W415" s="56"/>
      <c r="X415" s="56"/>
      <c r="Y415" s="56"/>
      <c r="Z415" s="56"/>
      <c r="AA415" s="56"/>
      <c r="AB415" s="56"/>
      <c r="AC415" s="56"/>
      <c r="AD415" s="56"/>
      <c r="AE415" s="56"/>
      <c r="AF415" s="56"/>
      <c r="AG415" s="56"/>
      <c r="AH415" s="56"/>
      <c r="AI415" s="56"/>
      <c r="AJ415" s="56"/>
      <c r="AK415" s="56"/>
      <c r="AL415" s="56"/>
      <c r="AM415" s="56"/>
      <c r="AN415" s="56"/>
      <c r="AO415" s="56"/>
      <c r="AP415" s="56"/>
      <c r="AQ415" s="56"/>
      <c r="AR415" s="56"/>
      <c r="AS415" s="56"/>
      <c r="AT415" s="56"/>
      <c r="AU415" s="56"/>
      <c r="AV415" s="56"/>
      <c r="AW415" s="56"/>
      <c r="AX415" s="56"/>
      <c r="AY415" s="56"/>
      <c r="AZ415" s="56"/>
      <c r="BA415" s="56"/>
    </row>
    <row r="416" spans="1:53" ht="15.75" customHeight="1">
      <c r="A416" s="56"/>
      <c r="B416" s="56"/>
      <c r="C416" s="56"/>
      <c r="D416" s="56"/>
      <c r="E416" s="56"/>
      <c r="F416" s="56"/>
      <c r="G416" s="56"/>
      <c r="H416" s="56"/>
      <c r="I416" s="56"/>
      <c r="J416" s="56"/>
      <c r="K416" s="56"/>
      <c r="L416" s="56"/>
      <c r="M416" s="56"/>
      <c r="N416" s="56"/>
      <c r="O416" s="56"/>
      <c r="P416" s="56"/>
      <c r="Q416" s="15"/>
      <c r="R416" s="15"/>
      <c r="S416" s="15"/>
      <c r="T416" s="56"/>
      <c r="U416" s="56"/>
      <c r="V416" s="56"/>
      <c r="W416" s="56"/>
      <c r="X416" s="56"/>
      <c r="Y416" s="56"/>
      <c r="Z416" s="56"/>
      <c r="AA416" s="56"/>
      <c r="AB416" s="56"/>
      <c r="AC416" s="56"/>
      <c r="AD416" s="56"/>
      <c r="AE416" s="56"/>
      <c r="AF416" s="56"/>
      <c r="AG416" s="56"/>
      <c r="AH416" s="56"/>
      <c r="AI416" s="56"/>
      <c r="AJ416" s="56"/>
      <c r="AK416" s="56"/>
      <c r="AL416" s="56"/>
      <c r="AM416" s="56"/>
      <c r="AN416" s="56"/>
      <c r="AO416" s="56"/>
      <c r="AP416" s="56"/>
      <c r="AQ416" s="56"/>
      <c r="AR416" s="56"/>
      <c r="AS416" s="56"/>
      <c r="AT416" s="56"/>
      <c r="AU416" s="56"/>
      <c r="AV416" s="56"/>
      <c r="AW416" s="56"/>
      <c r="AX416" s="56"/>
      <c r="AY416" s="56"/>
      <c r="AZ416" s="56"/>
      <c r="BA416" s="56"/>
    </row>
    <row r="417" spans="1:53" ht="15.75" customHeight="1">
      <c r="A417" s="56"/>
      <c r="B417" s="56"/>
      <c r="C417" s="56"/>
      <c r="D417" s="56"/>
      <c r="E417" s="56"/>
      <c r="F417" s="56"/>
      <c r="G417" s="56"/>
      <c r="H417" s="56"/>
      <c r="I417" s="56"/>
      <c r="J417" s="56"/>
      <c r="K417" s="56"/>
      <c r="L417" s="56"/>
      <c r="M417" s="56"/>
      <c r="N417" s="56"/>
      <c r="O417" s="56"/>
      <c r="P417" s="56"/>
      <c r="Q417" s="15"/>
      <c r="R417" s="15"/>
      <c r="S417" s="15"/>
      <c r="T417" s="56"/>
      <c r="U417" s="56"/>
      <c r="V417" s="56"/>
      <c r="W417" s="56"/>
      <c r="X417" s="56"/>
      <c r="Y417" s="56"/>
      <c r="Z417" s="56"/>
      <c r="AA417" s="56"/>
      <c r="AB417" s="56"/>
      <c r="AC417" s="56"/>
      <c r="AD417" s="56"/>
      <c r="AE417" s="56"/>
      <c r="AF417" s="56"/>
      <c r="AG417" s="56"/>
      <c r="AH417" s="56"/>
      <c r="AI417" s="56"/>
      <c r="AJ417" s="56"/>
      <c r="AK417" s="56"/>
      <c r="AL417" s="56"/>
      <c r="AM417" s="56"/>
      <c r="AN417" s="56"/>
      <c r="AO417" s="56"/>
      <c r="AP417" s="56"/>
      <c r="AQ417" s="56"/>
      <c r="AR417" s="56"/>
      <c r="AS417" s="56"/>
      <c r="AT417" s="56"/>
      <c r="AU417" s="56"/>
      <c r="AV417" s="56"/>
      <c r="AW417" s="56"/>
      <c r="AX417" s="56"/>
      <c r="AY417" s="56"/>
      <c r="AZ417" s="56"/>
      <c r="BA417" s="56"/>
    </row>
    <row r="418" spans="1:53" ht="15.75" customHeight="1">
      <c r="A418" s="56"/>
      <c r="B418" s="56"/>
      <c r="C418" s="56"/>
      <c r="D418" s="56"/>
      <c r="E418" s="56"/>
      <c r="F418" s="56"/>
      <c r="G418" s="56"/>
      <c r="H418" s="56"/>
      <c r="I418" s="56"/>
      <c r="J418" s="56"/>
      <c r="K418" s="56"/>
      <c r="L418" s="56"/>
      <c r="M418" s="56"/>
      <c r="N418" s="56"/>
      <c r="O418" s="56"/>
      <c r="P418" s="56"/>
      <c r="Q418" s="15"/>
      <c r="R418" s="15"/>
      <c r="S418" s="15"/>
      <c r="T418" s="56"/>
      <c r="U418" s="56"/>
      <c r="V418" s="56"/>
      <c r="W418" s="56"/>
      <c r="X418" s="56"/>
      <c r="Y418" s="56"/>
      <c r="Z418" s="56"/>
      <c r="AA418" s="56"/>
      <c r="AB418" s="56"/>
      <c r="AC418" s="56"/>
      <c r="AD418" s="56"/>
      <c r="AE418" s="56"/>
      <c r="AF418" s="56"/>
      <c r="AG418" s="56"/>
      <c r="AH418" s="56"/>
      <c r="AI418" s="56"/>
      <c r="AJ418" s="56"/>
      <c r="AK418" s="56"/>
      <c r="AL418" s="56"/>
      <c r="AM418" s="56"/>
      <c r="AN418" s="56"/>
      <c r="AO418" s="56"/>
      <c r="AP418" s="56"/>
      <c r="AQ418" s="56"/>
      <c r="AR418" s="56"/>
      <c r="AS418" s="56"/>
      <c r="AT418" s="56"/>
      <c r="AU418" s="56"/>
      <c r="AV418" s="56"/>
      <c r="AW418" s="56"/>
      <c r="AX418" s="56"/>
      <c r="AY418" s="56"/>
      <c r="AZ418" s="56"/>
      <c r="BA418" s="56"/>
    </row>
    <row r="419" spans="1:53" ht="15.75" customHeight="1">
      <c r="A419" s="56"/>
      <c r="B419" s="56"/>
      <c r="C419" s="56"/>
      <c r="D419" s="56"/>
      <c r="E419" s="56"/>
      <c r="F419" s="56"/>
      <c r="G419" s="56"/>
      <c r="H419" s="56"/>
      <c r="I419" s="56"/>
      <c r="J419" s="56"/>
      <c r="K419" s="56"/>
      <c r="L419" s="56"/>
      <c r="M419" s="56"/>
      <c r="N419" s="56"/>
      <c r="O419" s="56"/>
      <c r="P419" s="56"/>
      <c r="Q419" s="15"/>
      <c r="R419" s="15"/>
      <c r="S419" s="15"/>
      <c r="T419" s="56"/>
      <c r="U419" s="56"/>
      <c r="V419" s="56"/>
      <c r="W419" s="56"/>
      <c r="X419" s="56"/>
      <c r="Y419" s="56"/>
      <c r="Z419" s="56"/>
      <c r="AA419" s="56"/>
      <c r="AB419" s="56"/>
      <c r="AC419" s="56"/>
      <c r="AD419" s="56"/>
      <c r="AE419" s="56"/>
      <c r="AF419" s="56"/>
      <c r="AG419" s="56"/>
      <c r="AH419" s="56"/>
      <c r="AI419" s="56"/>
      <c r="AJ419" s="56"/>
      <c r="AK419" s="56"/>
      <c r="AL419" s="56"/>
      <c r="AM419" s="56"/>
      <c r="AN419" s="56"/>
      <c r="AO419" s="56"/>
      <c r="AP419" s="56"/>
      <c r="AQ419" s="56"/>
      <c r="AR419" s="56"/>
      <c r="AS419" s="56"/>
      <c r="AT419" s="56"/>
      <c r="AU419" s="56"/>
      <c r="AV419" s="56"/>
      <c r="AW419" s="56"/>
      <c r="AX419" s="56"/>
      <c r="AY419" s="56"/>
      <c r="AZ419" s="56"/>
      <c r="BA419" s="56"/>
    </row>
    <row r="420" spans="1:53" ht="15.75" customHeight="1">
      <c r="A420" s="56"/>
      <c r="B420" s="56"/>
      <c r="C420" s="56"/>
      <c r="D420" s="56"/>
      <c r="E420" s="56"/>
      <c r="F420" s="56"/>
      <c r="G420" s="56"/>
      <c r="H420" s="56"/>
      <c r="I420" s="56"/>
      <c r="J420" s="56"/>
      <c r="K420" s="56"/>
      <c r="L420" s="56"/>
      <c r="M420" s="56"/>
      <c r="N420" s="56"/>
      <c r="O420" s="56"/>
      <c r="P420" s="56"/>
      <c r="Q420" s="15"/>
      <c r="R420" s="15"/>
      <c r="S420" s="15"/>
      <c r="T420" s="56"/>
      <c r="U420" s="56"/>
      <c r="V420" s="56"/>
      <c r="W420" s="56"/>
      <c r="X420" s="56"/>
      <c r="Y420" s="56"/>
      <c r="Z420" s="56"/>
      <c r="AA420" s="56"/>
      <c r="AB420" s="56"/>
      <c r="AC420" s="56"/>
      <c r="AD420" s="56"/>
      <c r="AE420" s="56"/>
      <c r="AF420" s="56"/>
      <c r="AG420" s="56"/>
      <c r="AH420" s="56"/>
      <c r="AI420" s="56"/>
      <c r="AJ420" s="56"/>
      <c r="AK420" s="56"/>
      <c r="AL420" s="56"/>
      <c r="AM420" s="56"/>
      <c r="AN420" s="56"/>
      <c r="AO420" s="56"/>
      <c r="AP420" s="56"/>
      <c r="AQ420" s="56"/>
      <c r="AR420" s="56"/>
      <c r="AS420" s="56"/>
      <c r="AT420" s="56"/>
      <c r="AU420" s="56"/>
      <c r="AV420" s="56"/>
      <c r="AW420" s="56"/>
      <c r="AX420" s="56"/>
      <c r="AY420" s="56"/>
      <c r="AZ420" s="56"/>
      <c r="BA420" s="56"/>
    </row>
    <row r="421" spans="1:53" ht="15.75" customHeight="1">
      <c r="A421" s="56"/>
      <c r="B421" s="56"/>
      <c r="C421" s="56"/>
      <c r="D421" s="56"/>
      <c r="E421" s="56"/>
      <c r="F421" s="56"/>
      <c r="G421" s="56"/>
      <c r="H421" s="56"/>
      <c r="I421" s="56"/>
      <c r="J421" s="56"/>
      <c r="K421" s="56"/>
      <c r="L421" s="56"/>
      <c r="M421" s="56"/>
      <c r="N421" s="56"/>
      <c r="O421" s="56"/>
      <c r="P421" s="56"/>
      <c r="Q421" s="15"/>
      <c r="R421" s="15"/>
      <c r="S421" s="15"/>
      <c r="T421" s="56"/>
      <c r="U421" s="56"/>
      <c r="V421" s="56"/>
      <c r="W421" s="56"/>
      <c r="X421" s="56"/>
      <c r="Y421" s="56"/>
      <c r="Z421" s="56"/>
      <c r="AA421" s="56"/>
      <c r="AB421" s="56"/>
      <c r="AC421" s="56"/>
      <c r="AD421" s="56"/>
      <c r="AE421" s="56"/>
      <c r="AF421" s="56"/>
      <c r="AG421" s="56"/>
      <c r="AH421" s="56"/>
      <c r="AI421" s="56"/>
      <c r="AJ421" s="56"/>
      <c r="AK421" s="56"/>
      <c r="AL421" s="56"/>
      <c r="AM421" s="56"/>
      <c r="AN421" s="56"/>
      <c r="AO421" s="56"/>
      <c r="AP421" s="56"/>
      <c r="AQ421" s="56"/>
      <c r="AR421" s="56"/>
      <c r="AS421" s="56"/>
      <c r="AT421" s="56"/>
      <c r="AU421" s="56"/>
      <c r="AV421" s="56"/>
      <c r="AW421" s="56"/>
      <c r="AX421" s="56"/>
      <c r="AY421" s="56"/>
      <c r="AZ421" s="56"/>
      <c r="BA421" s="56"/>
    </row>
    <row r="422" spans="1:53" ht="15.75" customHeight="1">
      <c r="A422" s="56"/>
      <c r="B422" s="56"/>
      <c r="C422" s="56"/>
      <c r="D422" s="56"/>
      <c r="E422" s="56"/>
      <c r="F422" s="56"/>
      <c r="G422" s="56"/>
      <c r="H422" s="56"/>
      <c r="I422" s="56"/>
      <c r="J422" s="56"/>
      <c r="K422" s="56"/>
      <c r="L422" s="56"/>
      <c r="M422" s="56"/>
      <c r="N422" s="56"/>
      <c r="O422" s="56"/>
      <c r="P422" s="56"/>
      <c r="Q422" s="15"/>
      <c r="R422" s="15"/>
      <c r="S422" s="15"/>
      <c r="T422" s="56"/>
      <c r="U422" s="56"/>
      <c r="V422" s="56"/>
      <c r="W422" s="56"/>
      <c r="X422" s="56"/>
      <c r="Y422" s="56"/>
      <c r="Z422" s="56"/>
      <c r="AA422" s="56"/>
      <c r="AB422" s="56"/>
      <c r="AC422" s="56"/>
      <c r="AD422" s="56"/>
      <c r="AE422" s="56"/>
      <c r="AF422" s="56"/>
      <c r="AG422" s="56"/>
      <c r="AH422" s="56"/>
      <c r="AI422" s="56"/>
      <c r="AJ422" s="56"/>
      <c r="AK422" s="56"/>
      <c r="AL422" s="56"/>
      <c r="AM422" s="56"/>
      <c r="AN422" s="56"/>
      <c r="AO422" s="56"/>
      <c r="AP422" s="56"/>
      <c r="AQ422" s="56"/>
      <c r="AR422" s="56"/>
      <c r="AS422" s="56"/>
      <c r="AT422" s="56"/>
      <c r="AU422" s="56"/>
      <c r="AV422" s="56"/>
      <c r="AW422" s="56"/>
      <c r="AX422" s="56"/>
      <c r="AY422" s="56"/>
      <c r="AZ422" s="56"/>
      <c r="BA422" s="56"/>
    </row>
    <row r="423" spans="1:53" ht="15.75" customHeight="1">
      <c r="A423" s="56"/>
      <c r="B423" s="56"/>
      <c r="C423" s="56"/>
      <c r="D423" s="56"/>
      <c r="E423" s="56"/>
      <c r="F423" s="56"/>
      <c r="G423" s="56"/>
      <c r="H423" s="56"/>
      <c r="I423" s="56"/>
      <c r="J423" s="56"/>
      <c r="K423" s="56"/>
      <c r="L423" s="56"/>
      <c r="M423" s="56"/>
      <c r="N423" s="56"/>
      <c r="O423" s="56"/>
      <c r="P423" s="56"/>
      <c r="Q423" s="15"/>
      <c r="R423" s="15"/>
      <c r="S423" s="15"/>
      <c r="T423" s="56"/>
      <c r="U423" s="56"/>
      <c r="V423" s="56"/>
      <c r="W423" s="56"/>
      <c r="X423" s="56"/>
      <c r="Y423" s="56"/>
      <c r="Z423" s="56"/>
      <c r="AA423" s="56"/>
      <c r="AB423" s="56"/>
      <c r="AC423" s="56"/>
      <c r="AD423" s="56"/>
      <c r="AE423" s="56"/>
      <c r="AF423" s="56"/>
      <c r="AG423" s="56"/>
      <c r="AH423" s="56"/>
      <c r="AI423" s="56"/>
      <c r="AJ423" s="56"/>
      <c r="AK423" s="56"/>
      <c r="AL423" s="56"/>
      <c r="AM423" s="56"/>
      <c r="AN423" s="56"/>
      <c r="AO423" s="56"/>
      <c r="AP423" s="56"/>
      <c r="AQ423" s="56"/>
      <c r="AR423" s="56"/>
      <c r="AS423" s="56"/>
      <c r="AT423" s="56"/>
      <c r="AU423" s="56"/>
      <c r="AV423" s="56"/>
      <c r="AW423" s="56"/>
      <c r="AX423" s="56"/>
      <c r="AY423" s="56"/>
      <c r="AZ423" s="56"/>
      <c r="BA423" s="56"/>
    </row>
    <row r="424" spans="1:53" ht="15.75" customHeight="1">
      <c r="A424" s="56"/>
      <c r="B424" s="56"/>
      <c r="C424" s="56"/>
      <c r="D424" s="56"/>
      <c r="E424" s="56"/>
      <c r="F424" s="56"/>
      <c r="G424" s="56"/>
      <c r="H424" s="56"/>
      <c r="I424" s="56"/>
      <c r="J424" s="56"/>
      <c r="K424" s="56"/>
      <c r="L424" s="56"/>
      <c r="M424" s="56"/>
      <c r="N424" s="56"/>
      <c r="O424" s="56"/>
      <c r="P424" s="56"/>
      <c r="Q424" s="15"/>
      <c r="R424" s="15"/>
      <c r="S424" s="15"/>
      <c r="T424" s="56"/>
      <c r="U424" s="56"/>
      <c r="V424" s="56"/>
      <c r="W424" s="56"/>
      <c r="X424" s="56"/>
      <c r="Y424" s="56"/>
      <c r="Z424" s="56"/>
      <c r="AA424" s="56"/>
      <c r="AB424" s="56"/>
      <c r="AC424" s="56"/>
      <c r="AD424" s="56"/>
      <c r="AE424" s="56"/>
      <c r="AF424" s="56"/>
      <c r="AG424" s="56"/>
      <c r="AH424" s="56"/>
      <c r="AI424" s="56"/>
      <c r="AJ424" s="56"/>
      <c r="AK424" s="56"/>
      <c r="AL424" s="56"/>
      <c r="AM424" s="56"/>
      <c r="AN424" s="56"/>
      <c r="AO424" s="56"/>
      <c r="AP424" s="56"/>
      <c r="AQ424" s="56"/>
      <c r="AR424" s="56"/>
      <c r="AS424" s="56"/>
      <c r="AT424" s="56"/>
      <c r="AU424" s="56"/>
      <c r="AV424" s="56"/>
      <c r="AW424" s="56"/>
      <c r="AX424" s="56"/>
      <c r="AY424" s="56"/>
      <c r="AZ424" s="56"/>
      <c r="BA424" s="56"/>
    </row>
    <row r="425" spans="1:53" ht="15.75" customHeight="1">
      <c r="A425" s="56"/>
      <c r="B425" s="56"/>
      <c r="C425" s="56"/>
      <c r="D425" s="56"/>
      <c r="E425" s="56"/>
      <c r="F425" s="56"/>
      <c r="G425" s="56"/>
      <c r="H425" s="56"/>
      <c r="I425" s="56"/>
      <c r="J425" s="56"/>
      <c r="K425" s="56"/>
      <c r="L425" s="56"/>
      <c r="M425" s="56"/>
      <c r="N425" s="56"/>
      <c r="O425" s="56"/>
      <c r="P425" s="56"/>
      <c r="Q425" s="15"/>
      <c r="R425" s="15"/>
      <c r="S425" s="15"/>
      <c r="T425" s="56"/>
      <c r="U425" s="56"/>
      <c r="V425" s="56"/>
      <c r="W425" s="56"/>
      <c r="X425" s="56"/>
      <c r="Y425" s="56"/>
      <c r="Z425" s="56"/>
      <c r="AA425" s="56"/>
      <c r="AB425" s="56"/>
      <c r="AC425" s="56"/>
      <c r="AD425" s="56"/>
      <c r="AE425" s="56"/>
      <c r="AF425" s="56"/>
      <c r="AG425" s="56"/>
      <c r="AH425" s="56"/>
      <c r="AI425" s="56"/>
      <c r="AJ425" s="56"/>
      <c r="AK425" s="56"/>
      <c r="AL425" s="56"/>
      <c r="AM425" s="56"/>
      <c r="AN425" s="56"/>
      <c r="AO425" s="56"/>
      <c r="AP425" s="56"/>
      <c r="AQ425" s="56"/>
      <c r="AR425" s="56"/>
      <c r="AS425" s="56"/>
      <c r="AT425" s="56"/>
      <c r="AU425" s="56"/>
      <c r="AV425" s="56"/>
      <c r="AW425" s="56"/>
      <c r="AX425" s="56"/>
      <c r="AY425" s="56"/>
      <c r="AZ425" s="56"/>
      <c r="BA425" s="56"/>
    </row>
    <row r="426" spans="1:53" ht="15.75" customHeight="1">
      <c r="A426" s="56"/>
      <c r="B426" s="56"/>
      <c r="C426" s="56"/>
      <c r="D426" s="56"/>
      <c r="E426" s="56"/>
      <c r="F426" s="56"/>
      <c r="G426" s="56"/>
      <c r="H426" s="56"/>
      <c r="I426" s="56"/>
      <c r="J426" s="56"/>
      <c r="K426" s="56"/>
      <c r="L426" s="56"/>
      <c r="M426" s="56"/>
      <c r="N426" s="56"/>
      <c r="O426" s="56"/>
      <c r="P426" s="56"/>
      <c r="Q426" s="15"/>
      <c r="R426" s="15"/>
      <c r="S426" s="15"/>
      <c r="T426" s="56"/>
      <c r="U426" s="56"/>
      <c r="V426" s="56"/>
      <c r="W426" s="56"/>
      <c r="X426" s="56"/>
      <c r="Y426" s="56"/>
      <c r="Z426" s="56"/>
      <c r="AA426" s="56"/>
      <c r="AB426" s="56"/>
      <c r="AC426" s="56"/>
      <c r="AD426" s="56"/>
      <c r="AE426" s="56"/>
      <c r="AF426" s="56"/>
      <c r="AG426" s="56"/>
      <c r="AH426" s="56"/>
      <c r="AI426" s="56"/>
      <c r="AJ426" s="56"/>
      <c r="AK426" s="56"/>
      <c r="AL426" s="56"/>
      <c r="AM426" s="56"/>
      <c r="AN426" s="56"/>
      <c r="AO426" s="56"/>
      <c r="AP426" s="56"/>
      <c r="AQ426" s="56"/>
      <c r="AR426" s="56"/>
      <c r="AS426" s="56"/>
      <c r="AT426" s="56"/>
      <c r="AU426" s="56"/>
      <c r="AV426" s="56"/>
      <c r="AW426" s="56"/>
      <c r="AX426" s="56"/>
      <c r="AY426" s="56"/>
      <c r="AZ426" s="56"/>
      <c r="BA426" s="56"/>
    </row>
    <row r="427" spans="1:53" ht="15.75" customHeight="1">
      <c r="A427" s="56"/>
      <c r="B427" s="56"/>
      <c r="C427" s="56"/>
      <c r="D427" s="56"/>
      <c r="E427" s="56"/>
      <c r="F427" s="56"/>
      <c r="G427" s="56"/>
      <c r="H427" s="56"/>
      <c r="I427" s="56"/>
      <c r="J427" s="56"/>
      <c r="K427" s="56"/>
      <c r="L427" s="56"/>
      <c r="M427" s="56"/>
      <c r="N427" s="56"/>
      <c r="O427" s="56"/>
      <c r="P427" s="56"/>
      <c r="Q427" s="15"/>
      <c r="R427" s="15"/>
      <c r="S427" s="15"/>
      <c r="T427" s="56"/>
      <c r="U427" s="56"/>
      <c r="V427" s="56"/>
      <c r="W427" s="56"/>
      <c r="X427" s="56"/>
      <c r="Y427" s="56"/>
      <c r="Z427" s="56"/>
      <c r="AA427" s="56"/>
      <c r="AB427" s="56"/>
      <c r="AC427" s="56"/>
      <c r="AD427" s="56"/>
      <c r="AE427" s="56"/>
      <c r="AF427" s="56"/>
      <c r="AG427" s="56"/>
      <c r="AH427" s="56"/>
      <c r="AI427" s="56"/>
      <c r="AJ427" s="56"/>
      <c r="AK427" s="56"/>
      <c r="AL427" s="56"/>
      <c r="AM427" s="56"/>
      <c r="AN427" s="56"/>
      <c r="AO427" s="56"/>
      <c r="AP427" s="56"/>
      <c r="AQ427" s="56"/>
      <c r="AR427" s="56"/>
      <c r="AS427" s="56"/>
      <c r="AT427" s="56"/>
      <c r="AU427" s="56"/>
      <c r="AV427" s="56"/>
      <c r="AW427" s="56"/>
      <c r="AX427" s="56"/>
      <c r="AY427" s="56"/>
      <c r="AZ427" s="56"/>
      <c r="BA427" s="56"/>
    </row>
    <row r="428" spans="1:53" ht="15.75" customHeight="1">
      <c r="A428" s="56"/>
      <c r="B428" s="56"/>
      <c r="C428" s="56"/>
      <c r="D428" s="56"/>
      <c r="E428" s="56"/>
      <c r="F428" s="56"/>
      <c r="G428" s="56"/>
      <c r="H428" s="56"/>
      <c r="I428" s="56"/>
      <c r="J428" s="56"/>
      <c r="K428" s="56"/>
      <c r="L428" s="56"/>
      <c r="M428" s="56"/>
      <c r="N428" s="56"/>
      <c r="O428" s="56"/>
      <c r="P428" s="56"/>
      <c r="Q428" s="15"/>
      <c r="R428" s="15"/>
      <c r="S428" s="15"/>
      <c r="T428" s="56"/>
      <c r="U428" s="56"/>
      <c r="V428" s="56"/>
      <c r="W428" s="56"/>
      <c r="X428" s="56"/>
      <c r="Y428" s="56"/>
      <c r="Z428" s="56"/>
      <c r="AA428" s="56"/>
      <c r="AB428" s="56"/>
      <c r="AC428" s="56"/>
      <c r="AD428" s="56"/>
      <c r="AE428" s="56"/>
      <c r="AF428" s="56"/>
      <c r="AG428" s="56"/>
      <c r="AH428" s="56"/>
      <c r="AI428" s="56"/>
      <c r="AJ428" s="56"/>
      <c r="AK428" s="56"/>
      <c r="AL428" s="56"/>
      <c r="AM428" s="56"/>
      <c r="AN428" s="56"/>
      <c r="AO428" s="56"/>
      <c r="AP428" s="56"/>
      <c r="AQ428" s="56"/>
      <c r="AR428" s="56"/>
      <c r="AS428" s="56"/>
      <c r="AT428" s="56"/>
      <c r="AU428" s="56"/>
      <c r="AV428" s="56"/>
      <c r="AW428" s="56"/>
      <c r="AX428" s="56"/>
      <c r="AY428" s="56"/>
      <c r="AZ428" s="56"/>
      <c r="BA428" s="56"/>
    </row>
    <row r="429" spans="1:53" ht="15.75" customHeight="1">
      <c r="A429" s="56"/>
      <c r="B429" s="56"/>
      <c r="C429" s="56"/>
      <c r="D429" s="56"/>
      <c r="E429" s="56"/>
      <c r="F429" s="56"/>
      <c r="G429" s="56"/>
      <c r="H429" s="56"/>
      <c r="I429" s="56"/>
      <c r="J429" s="56"/>
      <c r="K429" s="56"/>
      <c r="L429" s="56"/>
      <c r="M429" s="56"/>
      <c r="N429" s="56"/>
      <c r="O429" s="56"/>
      <c r="P429" s="56"/>
      <c r="Q429" s="15"/>
      <c r="R429" s="15"/>
      <c r="S429" s="15"/>
      <c r="T429" s="56"/>
      <c r="U429" s="56"/>
      <c r="V429" s="56"/>
      <c r="W429" s="56"/>
      <c r="X429" s="56"/>
      <c r="Y429" s="56"/>
      <c r="Z429" s="56"/>
      <c r="AA429" s="56"/>
      <c r="AB429" s="56"/>
      <c r="AC429" s="56"/>
      <c r="AD429" s="56"/>
      <c r="AE429" s="56"/>
      <c r="AF429" s="56"/>
      <c r="AG429" s="56"/>
      <c r="AH429" s="56"/>
      <c r="AI429" s="56"/>
      <c r="AJ429" s="56"/>
      <c r="AK429" s="56"/>
      <c r="AL429" s="56"/>
      <c r="AM429" s="56"/>
      <c r="AN429" s="56"/>
      <c r="AO429" s="56"/>
      <c r="AP429" s="56"/>
      <c r="AQ429" s="56"/>
      <c r="AR429" s="56"/>
      <c r="AS429" s="56"/>
      <c r="AT429" s="56"/>
      <c r="AU429" s="56"/>
      <c r="AV429" s="56"/>
      <c r="AW429" s="56"/>
      <c r="AX429" s="56"/>
      <c r="AY429" s="56"/>
      <c r="AZ429" s="56"/>
      <c r="BA429" s="56"/>
    </row>
    <row r="430" spans="1:53" ht="15.75" customHeight="1">
      <c r="A430" s="56"/>
      <c r="B430" s="56"/>
      <c r="C430" s="56"/>
      <c r="D430" s="56"/>
      <c r="E430" s="56"/>
      <c r="F430" s="56"/>
      <c r="G430" s="56"/>
      <c r="H430" s="56"/>
      <c r="I430" s="56"/>
      <c r="J430" s="56"/>
      <c r="K430" s="56"/>
      <c r="L430" s="56"/>
      <c r="M430" s="56"/>
      <c r="N430" s="56"/>
      <c r="O430" s="56"/>
      <c r="P430" s="56"/>
      <c r="Q430" s="15"/>
      <c r="R430" s="15"/>
      <c r="S430" s="15"/>
      <c r="T430" s="56"/>
      <c r="U430" s="56"/>
      <c r="V430" s="56"/>
      <c r="W430" s="56"/>
      <c r="X430" s="56"/>
      <c r="Y430" s="56"/>
      <c r="Z430" s="56"/>
      <c r="AA430" s="56"/>
      <c r="AB430" s="56"/>
      <c r="AC430" s="56"/>
      <c r="AD430" s="56"/>
      <c r="AE430" s="56"/>
      <c r="AF430" s="56"/>
      <c r="AG430" s="56"/>
      <c r="AH430" s="56"/>
      <c r="AI430" s="56"/>
      <c r="AJ430" s="56"/>
      <c r="AK430" s="56"/>
      <c r="AL430" s="56"/>
      <c r="AM430" s="56"/>
      <c r="AN430" s="56"/>
      <c r="AO430" s="56"/>
      <c r="AP430" s="56"/>
      <c r="AQ430" s="56"/>
      <c r="AR430" s="56"/>
      <c r="AS430" s="56"/>
      <c r="AT430" s="56"/>
      <c r="AU430" s="56"/>
      <c r="AV430" s="56"/>
      <c r="AW430" s="56"/>
      <c r="AX430" s="56"/>
      <c r="AY430" s="56"/>
      <c r="AZ430" s="56"/>
      <c r="BA430" s="56"/>
    </row>
    <row r="431" spans="1:53" ht="15.75" customHeight="1">
      <c r="A431" s="56"/>
      <c r="B431" s="56"/>
      <c r="C431" s="56"/>
      <c r="D431" s="56"/>
      <c r="E431" s="56"/>
      <c r="F431" s="56"/>
      <c r="G431" s="56"/>
      <c r="H431" s="56"/>
      <c r="I431" s="56"/>
      <c r="J431" s="56"/>
      <c r="K431" s="56"/>
      <c r="L431" s="56"/>
      <c r="M431" s="56"/>
      <c r="N431" s="56"/>
      <c r="O431" s="56"/>
      <c r="P431" s="56"/>
      <c r="Q431" s="15"/>
      <c r="R431" s="15"/>
      <c r="S431" s="15"/>
      <c r="T431" s="56"/>
      <c r="U431" s="56"/>
      <c r="V431" s="56"/>
      <c r="W431" s="56"/>
      <c r="X431" s="56"/>
      <c r="Y431" s="56"/>
      <c r="Z431" s="56"/>
      <c r="AA431" s="56"/>
      <c r="AB431" s="56"/>
      <c r="AC431" s="56"/>
      <c r="AD431" s="56"/>
      <c r="AE431" s="56"/>
      <c r="AF431" s="56"/>
      <c r="AG431" s="56"/>
      <c r="AH431" s="56"/>
      <c r="AI431" s="56"/>
      <c r="AJ431" s="56"/>
      <c r="AK431" s="56"/>
      <c r="AL431" s="56"/>
      <c r="AM431" s="56"/>
      <c r="AN431" s="56"/>
      <c r="AO431" s="56"/>
      <c r="AP431" s="56"/>
      <c r="AQ431" s="56"/>
      <c r="AR431" s="56"/>
      <c r="AS431" s="56"/>
      <c r="AT431" s="56"/>
      <c r="AU431" s="56"/>
      <c r="AV431" s="56"/>
      <c r="AW431" s="56"/>
      <c r="AX431" s="56"/>
      <c r="AY431" s="56"/>
      <c r="AZ431" s="56"/>
      <c r="BA431" s="56"/>
    </row>
    <row r="432" spans="1:53" ht="15.75" customHeight="1">
      <c r="A432" s="56"/>
      <c r="B432" s="56"/>
      <c r="C432" s="56"/>
      <c r="D432" s="56"/>
      <c r="E432" s="56"/>
      <c r="F432" s="56"/>
      <c r="G432" s="56"/>
      <c r="H432" s="56"/>
      <c r="I432" s="56"/>
      <c r="J432" s="56"/>
      <c r="K432" s="56"/>
      <c r="L432" s="56"/>
      <c r="M432" s="56"/>
      <c r="N432" s="56"/>
      <c r="O432" s="56"/>
      <c r="P432" s="56"/>
      <c r="Q432" s="15"/>
      <c r="R432" s="15"/>
      <c r="S432" s="15"/>
      <c r="T432" s="56"/>
      <c r="U432" s="56"/>
      <c r="V432" s="56"/>
      <c r="W432" s="56"/>
      <c r="X432" s="56"/>
      <c r="Y432" s="56"/>
      <c r="Z432" s="56"/>
      <c r="AA432" s="56"/>
      <c r="AB432" s="56"/>
      <c r="AC432" s="56"/>
      <c r="AD432" s="56"/>
      <c r="AE432" s="56"/>
      <c r="AF432" s="56"/>
      <c r="AG432" s="56"/>
      <c r="AH432" s="56"/>
      <c r="AI432" s="56"/>
      <c r="AJ432" s="56"/>
      <c r="AK432" s="56"/>
      <c r="AL432" s="56"/>
      <c r="AM432" s="56"/>
      <c r="AN432" s="56"/>
      <c r="AO432" s="56"/>
      <c r="AP432" s="56"/>
      <c r="AQ432" s="56"/>
      <c r="AR432" s="56"/>
      <c r="AS432" s="56"/>
      <c r="AT432" s="56"/>
      <c r="AU432" s="56"/>
      <c r="AV432" s="56"/>
      <c r="AW432" s="56"/>
      <c r="AX432" s="56"/>
      <c r="AY432" s="56"/>
      <c r="AZ432" s="56"/>
      <c r="BA432" s="56"/>
    </row>
    <row r="433" spans="1:53" ht="15.75" customHeight="1">
      <c r="A433" s="56"/>
      <c r="B433" s="56"/>
      <c r="C433" s="56"/>
      <c r="D433" s="56"/>
      <c r="E433" s="56"/>
      <c r="F433" s="56"/>
      <c r="G433" s="56"/>
      <c r="H433" s="56"/>
      <c r="I433" s="56"/>
      <c r="J433" s="56"/>
      <c r="K433" s="56"/>
      <c r="L433" s="56"/>
      <c r="M433" s="56"/>
      <c r="N433" s="56"/>
      <c r="O433" s="56"/>
      <c r="P433" s="56"/>
      <c r="Q433" s="15"/>
      <c r="R433" s="15"/>
      <c r="S433" s="15"/>
      <c r="T433" s="56"/>
      <c r="U433" s="56"/>
      <c r="V433" s="56"/>
      <c r="W433" s="56"/>
      <c r="X433" s="56"/>
      <c r="Y433" s="56"/>
      <c r="Z433" s="56"/>
      <c r="AA433" s="56"/>
      <c r="AB433" s="56"/>
      <c r="AC433" s="56"/>
      <c r="AD433" s="56"/>
      <c r="AE433" s="56"/>
      <c r="AF433" s="56"/>
      <c r="AG433" s="56"/>
      <c r="AH433" s="56"/>
      <c r="AI433" s="56"/>
      <c r="AJ433" s="56"/>
      <c r="AK433" s="56"/>
      <c r="AL433" s="56"/>
      <c r="AM433" s="56"/>
      <c r="AN433" s="56"/>
      <c r="AO433" s="56"/>
      <c r="AP433" s="56"/>
      <c r="AQ433" s="56"/>
      <c r="AR433" s="56"/>
      <c r="AS433" s="56"/>
      <c r="AT433" s="56"/>
      <c r="AU433" s="56"/>
      <c r="AV433" s="56"/>
      <c r="AW433" s="56"/>
      <c r="AX433" s="56"/>
      <c r="AY433" s="56"/>
      <c r="AZ433" s="56"/>
      <c r="BA433" s="56"/>
    </row>
    <row r="434" spans="1:53" ht="15.75" customHeight="1">
      <c r="A434" s="56"/>
      <c r="B434" s="56"/>
      <c r="C434" s="56"/>
      <c r="D434" s="56"/>
      <c r="E434" s="56"/>
      <c r="F434" s="56"/>
      <c r="G434" s="56"/>
      <c r="H434" s="56"/>
      <c r="I434" s="56"/>
      <c r="J434" s="56"/>
      <c r="K434" s="56"/>
      <c r="L434" s="56"/>
      <c r="M434" s="56"/>
      <c r="N434" s="56"/>
      <c r="O434" s="56"/>
      <c r="P434" s="56"/>
      <c r="Q434" s="15"/>
      <c r="R434" s="15"/>
      <c r="S434" s="15"/>
      <c r="T434" s="56"/>
      <c r="U434" s="56"/>
      <c r="V434" s="56"/>
      <c r="W434" s="56"/>
      <c r="X434" s="56"/>
      <c r="Y434" s="56"/>
      <c r="Z434" s="56"/>
      <c r="AA434" s="56"/>
      <c r="AB434" s="56"/>
      <c r="AC434" s="56"/>
      <c r="AD434" s="56"/>
      <c r="AE434" s="56"/>
      <c r="AF434" s="56"/>
      <c r="AG434" s="56"/>
      <c r="AH434" s="56"/>
      <c r="AI434" s="56"/>
      <c r="AJ434" s="56"/>
      <c r="AK434" s="56"/>
      <c r="AL434" s="56"/>
      <c r="AM434" s="56"/>
      <c r="AN434" s="56"/>
      <c r="AO434" s="56"/>
      <c r="AP434" s="56"/>
      <c r="AQ434" s="56"/>
      <c r="AR434" s="56"/>
      <c r="AS434" s="56"/>
      <c r="AT434" s="56"/>
      <c r="AU434" s="56"/>
      <c r="AV434" s="56"/>
      <c r="AW434" s="56"/>
      <c r="AX434" s="56"/>
      <c r="AY434" s="56"/>
      <c r="AZ434" s="56"/>
      <c r="BA434" s="56"/>
    </row>
    <row r="435" spans="1:53" ht="15.75" customHeight="1">
      <c r="A435" s="56"/>
      <c r="B435" s="56"/>
      <c r="C435" s="56"/>
      <c r="D435" s="56"/>
      <c r="E435" s="56"/>
      <c r="F435" s="56"/>
      <c r="G435" s="56"/>
      <c r="H435" s="56"/>
      <c r="I435" s="56"/>
      <c r="J435" s="56"/>
      <c r="K435" s="56"/>
      <c r="L435" s="56"/>
      <c r="M435" s="56"/>
      <c r="N435" s="56"/>
      <c r="O435" s="56"/>
      <c r="P435" s="56"/>
      <c r="Q435" s="15"/>
      <c r="R435" s="15"/>
      <c r="S435" s="15"/>
      <c r="T435" s="56"/>
      <c r="U435" s="56"/>
      <c r="V435" s="56"/>
      <c r="W435" s="56"/>
      <c r="X435" s="56"/>
      <c r="Y435" s="56"/>
      <c r="Z435" s="56"/>
      <c r="AA435" s="56"/>
      <c r="AB435" s="56"/>
      <c r="AC435" s="56"/>
      <c r="AD435" s="56"/>
      <c r="AE435" s="56"/>
      <c r="AF435" s="56"/>
      <c r="AG435" s="56"/>
      <c r="AH435" s="56"/>
      <c r="AI435" s="56"/>
      <c r="AJ435" s="56"/>
      <c r="AK435" s="56"/>
      <c r="AL435" s="56"/>
      <c r="AM435" s="56"/>
      <c r="AN435" s="56"/>
      <c r="AO435" s="56"/>
      <c r="AP435" s="56"/>
      <c r="AQ435" s="56"/>
      <c r="AR435" s="56"/>
      <c r="AS435" s="56"/>
      <c r="AT435" s="56"/>
      <c r="AU435" s="56"/>
      <c r="AV435" s="56"/>
      <c r="AW435" s="56"/>
      <c r="AX435" s="56"/>
      <c r="AY435" s="56"/>
      <c r="AZ435" s="56"/>
      <c r="BA435" s="56"/>
    </row>
    <row r="436" spans="1:53" ht="15.75" customHeight="1">
      <c r="A436" s="56"/>
      <c r="B436" s="56"/>
      <c r="C436" s="56"/>
      <c r="D436" s="56"/>
      <c r="E436" s="56"/>
      <c r="F436" s="56"/>
      <c r="G436" s="56"/>
      <c r="H436" s="56"/>
      <c r="I436" s="56"/>
      <c r="J436" s="56"/>
      <c r="K436" s="56"/>
      <c r="L436" s="56"/>
      <c r="M436" s="56"/>
      <c r="N436" s="56"/>
      <c r="O436" s="56"/>
      <c r="P436" s="56"/>
      <c r="Q436" s="15"/>
      <c r="R436" s="15"/>
      <c r="S436" s="15"/>
      <c r="T436" s="56"/>
      <c r="U436" s="56"/>
      <c r="V436" s="56"/>
      <c r="W436" s="56"/>
      <c r="X436" s="56"/>
      <c r="Y436" s="56"/>
      <c r="Z436" s="56"/>
      <c r="AA436" s="56"/>
      <c r="AB436" s="56"/>
      <c r="AC436" s="56"/>
      <c r="AD436" s="56"/>
      <c r="AE436" s="56"/>
      <c r="AF436" s="56"/>
      <c r="AG436" s="56"/>
      <c r="AH436" s="56"/>
      <c r="AI436" s="56"/>
      <c r="AJ436" s="56"/>
      <c r="AK436" s="56"/>
      <c r="AL436" s="56"/>
      <c r="AM436" s="56"/>
      <c r="AN436" s="56"/>
      <c r="AO436" s="56"/>
      <c r="AP436" s="56"/>
      <c r="AQ436" s="56"/>
      <c r="AR436" s="56"/>
      <c r="AS436" s="56"/>
      <c r="AT436" s="56"/>
      <c r="AU436" s="56"/>
      <c r="AV436" s="56"/>
      <c r="AW436" s="56"/>
      <c r="AX436" s="56"/>
      <c r="AY436" s="56"/>
      <c r="AZ436" s="56"/>
      <c r="BA436" s="56"/>
    </row>
    <row r="437" spans="1:53" ht="15.75" customHeight="1">
      <c r="A437" s="56"/>
      <c r="B437" s="56"/>
      <c r="C437" s="56"/>
      <c r="D437" s="56"/>
      <c r="E437" s="56"/>
      <c r="F437" s="56"/>
      <c r="G437" s="56"/>
      <c r="H437" s="56"/>
      <c r="I437" s="56"/>
      <c r="J437" s="56"/>
      <c r="K437" s="56"/>
      <c r="L437" s="56"/>
      <c r="M437" s="56"/>
      <c r="N437" s="56"/>
      <c r="O437" s="56"/>
      <c r="P437" s="56"/>
      <c r="Q437" s="15"/>
      <c r="R437" s="15"/>
      <c r="S437" s="15"/>
      <c r="T437" s="56"/>
      <c r="U437" s="56"/>
      <c r="V437" s="56"/>
      <c r="W437" s="56"/>
      <c r="X437" s="56"/>
      <c r="Y437" s="56"/>
      <c r="Z437" s="56"/>
      <c r="AA437" s="56"/>
      <c r="AB437" s="56"/>
      <c r="AC437" s="56"/>
      <c r="AD437" s="56"/>
      <c r="AE437" s="56"/>
      <c r="AF437" s="56"/>
      <c r="AG437" s="56"/>
      <c r="AH437" s="56"/>
      <c r="AI437" s="56"/>
      <c r="AJ437" s="56"/>
      <c r="AK437" s="56"/>
      <c r="AL437" s="56"/>
      <c r="AM437" s="56"/>
      <c r="AN437" s="56"/>
      <c r="AO437" s="56"/>
      <c r="AP437" s="56"/>
      <c r="AQ437" s="56"/>
      <c r="AR437" s="56"/>
      <c r="AS437" s="56"/>
      <c r="AT437" s="56"/>
      <c r="AU437" s="56"/>
      <c r="AV437" s="56"/>
      <c r="AW437" s="56"/>
      <c r="AX437" s="56"/>
      <c r="AY437" s="56"/>
      <c r="AZ437" s="56"/>
      <c r="BA437" s="56"/>
    </row>
    <row r="438" spans="1:53" ht="15.75" customHeight="1">
      <c r="A438" s="56"/>
      <c r="B438" s="56"/>
      <c r="C438" s="56"/>
      <c r="D438" s="56"/>
      <c r="E438" s="56"/>
      <c r="F438" s="56"/>
      <c r="G438" s="56"/>
      <c r="H438" s="56"/>
      <c r="I438" s="56"/>
      <c r="J438" s="56"/>
      <c r="K438" s="56"/>
      <c r="L438" s="56"/>
      <c r="M438" s="56"/>
      <c r="N438" s="56"/>
      <c r="O438" s="56"/>
      <c r="P438" s="56"/>
      <c r="Q438" s="15"/>
      <c r="R438" s="15"/>
      <c r="S438" s="15"/>
      <c r="T438" s="56"/>
      <c r="U438" s="56"/>
      <c r="V438" s="56"/>
      <c r="W438" s="56"/>
      <c r="X438" s="56"/>
      <c r="Y438" s="56"/>
      <c r="Z438" s="56"/>
      <c r="AA438" s="56"/>
      <c r="AB438" s="56"/>
      <c r="AC438" s="56"/>
      <c r="AD438" s="56"/>
      <c r="AE438" s="56"/>
      <c r="AF438" s="56"/>
      <c r="AG438" s="56"/>
      <c r="AH438" s="56"/>
      <c r="AI438" s="56"/>
      <c r="AJ438" s="56"/>
      <c r="AK438" s="56"/>
      <c r="AL438" s="56"/>
      <c r="AM438" s="56"/>
      <c r="AN438" s="56"/>
      <c r="AO438" s="56"/>
      <c r="AP438" s="56"/>
      <c r="AQ438" s="56"/>
      <c r="AR438" s="56"/>
      <c r="AS438" s="56"/>
      <c r="AT438" s="56"/>
      <c r="AU438" s="56"/>
      <c r="AV438" s="56"/>
      <c r="AW438" s="56"/>
      <c r="AX438" s="56"/>
      <c r="AY438" s="56"/>
      <c r="AZ438" s="56"/>
      <c r="BA438" s="56"/>
    </row>
    <row r="439" spans="1:53" ht="15.75" customHeight="1">
      <c r="A439" s="56"/>
      <c r="B439" s="56"/>
      <c r="C439" s="56"/>
      <c r="D439" s="56"/>
      <c r="E439" s="56"/>
      <c r="F439" s="56"/>
      <c r="G439" s="56"/>
      <c r="H439" s="56"/>
      <c r="I439" s="56"/>
      <c r="J439" s="56"/>
      <c r="K439" s="56"/>
      <c r="L439" s="56"/>
      <c r="M439" s="56"/>
      <c r="N439" s="56"/>
      <c r="O439" s="56"/>
      <c r="P439" s="56"/>
      <c r="Q439" s="15"/>
      <c r="R439" s="15"/>
      <c r="S439" s="15"/>
      <c r="T439" s="56"/>
      <c r="U439" s="56"/>
      <c r="V439" s="56"/>
      <c r="W439" s="56"/>
      <c r="X439" s="56"/>
      <c r="Y439" s="56"/>
      <c r="Z439" s="56"/>
      <c r="AA439" s="56"/>
      <c r="AB439" s="56"/>
      <c r="AC439" s="56"/>
      <c r="AD439" s="56"/>
      <c r="AE439" s="56"/>
      <c r="AF439" s="56"/>
      <c r="AG439" s="56"/>
      <c r="AH439" s="56"/>
      <c r="AI439" s="56"/>
      <c r="AJ439" s="56"/>
      <c r="AK439" s="56"/>
      <c r="AL439" s="56"/>
      <c r="AM439" s="56"/>
      <c r="AN439" s="56"/>
      <c r="AO439" s="56"/>
      <c r="AP439" s="56"/>
      <c r="AQ439" s="56"/>
      <c r="AR439" s="56"/>
      <c r="AS439" s="56"/>
      <c r="AT439" s="56"/>
      <c r="AU439" s="56"/>
      <c r="AV439" s="56"/>
      <c r="AW439" s="56"/>
      <c r="AX439" s="56"/>
      <c r="AY439" s="56"/>
      <c r="AZ439" s="56"/>
      <c r="BA439" s="56"/>
    </row>
    <row r="440" spans="1:53" ht="15.75" customHeight="1">
      <c r="A440" s="56"/>
      <c r="B440" s="56"/>
      <c r="C440" s="56"/>
      <c r="D440" s="56"/>
      <c r="E440" s="56"/>
      <c r="F440" s="56"/>
      <c r="G440" s="56"/>
      <c r="H440" s="56"/>
      <c r="I440" s="56"/>
      <c r="J440" s="56"/>
      <c r="K440" s="56"/>
      <c r="L440" s="56"/>
      <c r="M440" s="56"/>
      <c r="N440" s="56"/>
      <c r="O440" s="56"/>
      <c r="P440" s="56"/>
      <c r="Q440" s="15"/>
      <c r="R440" s="15"/>
      <c r="S440" s="15"/>
      <c r="T440" s="56"/>
      <c r="U440" s="56"/>
      <c r="V440" s="56"/>
      <c r="W440" s="56"/>
      <c r="X440" s="56"/>
      <c r="Y440" s="56"/>
      <c r="Z440" s="56"/>
      <c r="AA440" s="56"/>
      <c r="AB440" s="56"/>
      <c r="AC440" s="56"/>
      <c r="AD440" s="56"/>
      <c r="AE440" s="56"/>
      <c r="AF440" s="56"/>
      <c r="AG440" s="56"/>
      <c r="AH440" s="56"/>
      <c r="AI440" s="56"/>
      <c r="AJ440" s="56"/>
      <c r="AK440" s="56"/>
      <c r="AL440" s="56"/>
      <c r="AM440" s="56"/>
      <c r="AN440" s="56"/>
      <c r="AO440" s="56"/>
      <c r="AP440" s="56"/>
      <c r="AQ440" s="56"/>
      <c r="AR440" s="56"/>
      <c r="AS440" s="56"/>
      <c r="AT440" s="56"/>
      <c r="AU440" s="56"/>
      <c r="AV440" s="56"/>
      <c r="AW440" s="56"/>
      <c r="AX440" s="56"/>
      <c r="AY440" s="56"/>
      <c r="AZ440" s="56"/>
      <c r="BA440" s="56"/>
    </row>
    <row r="441" spans="1:53" ht="15.75" customHeight="1">
      <c r="A441" s="56"/>
      <c r="B441" s="56"/>
      <c r="C441" s="56"/>
      <c r="D441" s="56"/>
      <c r="E441" s="56"/>
      <c r="F441" s="56"/>
      <c r="G441" s="56"/>
      <c r="H441" s="56"/>
      <c r="I441" s="56"/>
      <c r="J441" s="56"/>
      <c r="K441" s="56"/>
      <c r="L441" s="56"/>
      <c r="M441" s="56"/>
      <c r="N441" s="56"/>
      <c r="O441" s="56"/>
      <c r="P441" s="56"/>
      <c r="Q441" s="15"/>
      <c r="R441" s="15"/>
      <c r="S441" s="15"/>
      <c r="T441" s="56"/>
      <c r="U441" s="56"/>
      <c r="V441" s="56"/>
      <c r="W441" s="56"/>
      <c r="X441" s="56"/>
      <c r="Y441" s="56"/>
      <c r="Z441" s="56"/>
      <c r="AA441" s="56"/>
      <c r="AB441" s="56"/>
      <c r="AC441" s="56"/>
      <c r="AD441" s="56"/>
      <c r="AE441" s="56"/>
      <c r="AF441" s="56"/>
      <c r="AG441" s="56"/>
      <c r="AH441" s="56"/>
      <c r="AI441" s="56"/>
      <c r="AJ441" s="56"/>
      <c r="AK441" s="56"/>
      <c r="AL441" s="56"/>
      <c r="AM441" s="56"/>
      <c r="AN441" s="56"/>
      <c r="AO441" s="56"/>
      <c r="AP441" s="56"/>
      <c r="AQ441" s="56"/>
      <c r="AR441" s="56"/>
      <c r="AS441" s="56"/>
      <c r="AT441" s="56"/>
      <c r="AU441" s="56"/>
      <c r="AV441" s="56"/>
      <c r="AW441" s="56"/>
      <c r="AX441" s="56"/>
      <c r="AY441" s="56"/>
      <c r="AZ441" s="56"/>
      <c r="BA441" s="56"/>
    </row>
    <row r="442" spans="1:53" ht="15.75" customHeight="1">
      <c r="A442" s="56"/>
      <c r="B442" s="56"/>
      <c r="C442" s="56"/>
      <c r="D442" s="56"/>
      <c r="E442" s="56"/>
      <c r="F442" s="56"/>
      <c r="G442" s="56"/>
      <c r="H442" s="56"/>
      <c r="I442" s="56"/>
      <c r="J442" s="56"/>
      <c r="K442" s="56"/>
      <c r="L442" s="56"/>
      <c r="M442" s="56"/>
      <c r="N442" s="56"/>
      <c r="O442" s="56"/>
      <c r="P442" s="56"/>
      <c r="Q442" s="15"/>
      <c r="R442" s="15"/>
      <c r="S442" s="15"/>
      <c r="T442" s="56"/>
      <c r="U442" s="56"/>
      <c r="V442" s="56"/>
      <c r="W442" s="56"/>
      <c r="X442" s="56"/>
      <c r="Y442" s="56"/>
      <c r="Z442" s="56"/>
      <c r="AA442" s="56"/>
      <c r="AB442" s="56"/>
      <c r="AC442" s="56"/>
      <c r="AD442" s="56"/>
      <c r="AE442" s="56"/>
      <c r="AF442" s="56"/>
      <c r="AG442" s="56"/>
      <c r="AH442" s="56"/>
      <c r="AI442" s="56"/>
      <c r="AJ442" s="56"/>
      <c r="AK442" s="56"/>
      <c r="AL442" s="56"/>
      <c r="AM442" s="56"/>
      <c r="AN442" s="56"/>
      <c r="AO442" s="56"/>
      <c r="AP442" s="56"/>
      <c r="AQ442" s="56"/>
      <c r="AR442" s="56"/>
      <c r="AS442" s="56"/>
      <c r="AT442" s="56"/>
      <c r="AU442" s="56"/>
      <c r="AV442" s="56"/>
      <c r="AW442" s="56"/>
      <c r="AX442" s="56"/>
      <c r="AY442" s="56"/>
      <c r="AZ442" s="56"/>
      <c r="BA442" s="56"/>
    </row>
    <row r="443" spans="1:53" ht="15.75" customHeight="1">
      <c r="A443" s="56"/>
      <c r="B443" s="56"/>
      <c r="C443" s="56"/>
      <c r="D443" s="56"/>
      <c r="E443" s="56"/>
      <c r="F443" s="56"/>
      <c r="G443" s="56"/>
      <c r="H443" s="56"/>
      <c r="I443" s="56"/>
      <c r="J443" s="56"/>
      <c r="K443" s="56"/>
      <c r="L443" s="56"/>
      <c r="M443" s="56"/>
      <c r="N443" s="56"/>
      <c r="O443" s="56"/>
      <c r="P443" s="56"/>
      <c r="Q443" s="15"/>
      <c r="R443" s="15"/>
      <c r="S443" s="15"/>
      <c r="T443" s="56"/>
      <c r="U443" s="56"/>
      <c r="V443" s="56"/>
      <c r="W443" s="56"/>
      <c r="X443" s="56"/>
      <c r="Y443" s="56"/>
      <c r="Z443" s="56"/>
      <c r="AA443" s="56"/>
      <c r="AB443" s="56"/>
      <c r="AC443" s="56"/>
      <c r="AD443" s="56"/>
      <c r="AE443" s="56"/>
      <c r="AF443" s="56"/>
      <c r="AG443" s="56"/>
      <c r="AH443" s="56"/>
      <c r="AI443" s="56"/>
      <c r="AJ443" s="56"/>
      <c r="AK443" s="56"/>
      <c r="AL443" s="56"/>
      <c r="AM443" s="56"/>
      <c r="AN443" s="56"/>
      <c r="AO443" s="56"/>
      <c r="AP443" s="56"/>
      <c r="AQ443" s="56"/>
      <c r="AR443" s="56"/>
      <c r="AS443" s="56"/>
      <c r="AT443" s="56"/>
      <c r="AU443" s="56"/>
      <c r="AV443" s="56"/>
      <c r="AW443" s="56"/>
      <c r="AX443" s="56"/>
      <c r="AY443" s="56"/>
      <c r="AZ443" s="56"/>
      <c r="BA443" s="56"/>
    </row>
    <row r="444" spans="1:53" ht="15.75" customHeight="1">
      <c r="A444" s="56"/>
      <c r="B444" s="56"/>
      <c r="C444" s="56"/>
      <c r="D444" s="56"/>
      <c r="E444" s="56"/>
      <c r="F444" s="56"/>
      <c r="G444" s="56"/>
      <c r="H444" s="56"/>
      <c r="I444" s="56"/>
      <c r="J444" s="56"/>
      <c r="K444" s="56"/>
      <c r="L444" s="56"/>
      <c r="M444" s="56"/>
      <c r="N444" s="56"/>
      <c r="O444" s="56"/>
      <c r="P444" s="56"/>
      <c r="Q444" s="15"/>
      <c r="R444" s="15"/>
      <c r="S444" s="15"/>
      <c r="T444" s="56"/>
      <c r="U444" s="56"/>
      <c r="V444" s="56"/>
      <c r="W444" s="56"/>
      <c r="X444" s="56"/>
      <c r="Y444" s="56"/>
      <c r="Z444" s="56"/>
      <c r="AA444" s="56"/>
      <c r="AB444" s="56"/>
      <c r="AC444" s="56"/>
      <c r="AD444" s="56"/>
      <c r="AE444" s="56"/>
      <c r="AF444" s="56"/>
      <c r="AG444" s="56"/>
      <c r="AH444" s="56"/>
      <c r="AI444" s="56"/>
      <c r="AJ444" s="56"/>
      <c r="AK444" s="56"/>
      <c r="AL444" s="56"/>
      <c r="AM444" s="56"/>
      <c r="AN444" s="56"/>
      <c r="AO444" s="56"/>
      <c r="AP444" s="56"/>
      <c r="AQ444" s="56"/>
      <c r="AR444" s="56"/>
      <c r="AS444" s="56"/>
      <c r="AT444" s="56"/>
      <c r="AU444" s="56"/>
      <c r="AV444" s="56"/>
      <c r="AW444" s="56"/>
      <c r="AX444" s="56"/>
      <c r="AY444" s="56"/>
      <c r="AZ444" s="56"/>
      <c r="BA444" s="56"/>
    </row>
    <row r="445" spans="1:53" ht="15.75" customHeight="1">
      <c r="A445" s="56"/>
      <c r="B445" s="56"/>
      <c r="C445" s="56"/>
      <c r="D445" s="56"/>
      <c r="E445" s="56"/>
      <c r="F445" s="56"/>
      <c r="G445" s="56"/>
      <c r="H445" s="56"/>
      <c r="I445" s="56"/>
      <c r="J445" s="56"/>
      <c r="K445" s="56"/>
      <c r="L445" s="56"/>
      <c r="M445" s="56"/>
      <c r="N445" s="56"/>
      <c r="O445" s="56"/>
      <c r="P445" s="56"/>
      <c r="Q445" s="15"/>
      <c r="R445" s="15"/>
      <c r="S445" s="15"/>
      <c r="T445" s="56"/>
      <c r="U445" s="56"/>
      <c r="V445" s="56"/>
      <c r="W445" s="56"/>
      <c r="X445" s="56"/>
      <c r="Y445" s="56"/>
      <c r="Z445" s="56"/>
      <c r="AA445" s="56"/>
      <c r="AB445" s="56"/>
      <c r="AC445" s="56"/>
      <c r="AD445" s="56"/>
      <c r="AE445" s="56"/>
      <c r="AF445" s="56"/>
      <c r="AG445" s="56"/>
      <c r="AH445" s="56"/>
      <c r="AI445" s="56"/>
      <c r="AJ445" s="56"/>
      <c r="AK445" s="56"/>
      <c r="AL445" s="56"/>
      <c r="AM445" s="56"/>
      <c r="AN445" s="56"/>
      <c r="AO445" s="56"/>
      <c r="AP445" s="56"/>
      <c r="AQ445" s="56"/>
      <c r="AR445" s="56"/>
      <c r="AS445" s="56"/>
      <c r="AT445" s="56"/>
      <c r="AU445" s="56"/>
      <c r="AV445" s="56"/>
      <c r="AW445" s="56"/>
      <c r="AX445" s="56"/>
      <c r="AY445" s="56"/>
      <c r="AZ445" s="56"/>
      <c r="BA445" s="56"/>
    </row>
    <row r="446" spans="1:53" ht="15.75" customHeight="1">
      <c r="A446" s="56"/>
      <c r="B446" s="56"/>
      <c r="C446" s="56"/>
      <c r="D446" s="56"/>
      <c r="E446" s="56"/>
      <c r="F446" s="56"/>
      <c r="G446" s="56"/>
      <c r="H446" s="56"/>
      <c r="I446" s="56"/>
      <c r="J446" s="56"/>
      <c r="K446" s="56"/>
      <c r="L446" s="56"/>
      <c r="M446" s="56"/>
      <c r="N446" s="56"/>
      <c r="O446" s="56"/>
      <c r="P446" s="56"/>
      <c r="Q446" s="15"/>
      <c r="R446" s="15"/>
      <c r="S446" s="15"/>
      <c r="T446" s="56"/>
      <c r="U446" s="56"/>
      <c r="V446" s="56"/>
      <c r="W446" s="56"/>
      <c r="X446" s="56"/>
      <c r="Y446" s="56"/>
      <c r="Z446" s="56"/>
      <c r="AA446" s="56"/>
      <c r="AB446" s="56"/>
      <c r="AC446" s="56"/>
      <c r="AD446" s="56"/>
      <c r="AE446" s="56"/>
      <c r="AF446" s="56"/>
      <c r="AG446" s="56"/>
      <c r="AH446" s="56"/>
      <c r="AI446" s="56"/>
      <c r="AJ446" s="56"/>
      <c r="AK446" s="56"/>
      <c r="AL446" s="56"/>
      <c r="AM446" s="56"/>
      <c r="AN446" s="56"/>
      <c r="AO446" s="56"/>
      <c r="AP446" s="56"/>
      <c r="AQ446" s="56"/>
      <c r="AR446" s="56"/>
      <c r="AS446" s="56"/>
      <c r="AT446" s="56"/>
      <c r="AU446" s="56"/>
      <c r="AV446" s="56"/>
      <c r="AW446" s="56"/>
      <c r="AX446" s="56"/>
      <c r="AY446" s="56"/>
      <c r="AZ446" s="56"/>
      <c r="BA446" s="56"/>
    </row>
    <row r="447" spans="1:53" ht="15.75" customHeight="1">
      <c r="A447" s="56"/>
      <c r="B447" s="56"/>
      <c r="C447" s="56"/>
      <c r="D447" s="56"/>
      <c r="E447" s="56"/>
      <c r="F447" s="56"/>
      <c r="G447" s="56"/>
      <c r="H447" s="56"/>
      <c r="I447" s="56"/>
      <c r="J447" s="56"/>
      <c r="K447" s="56"/>
      <c r="L447" s="56"/>
      <c r="M447" s="56"/>
      <c r="N447" s="56"/>
      <c r="O447" s="56"/>
      <c r="P447" s="56"/>
      <c r="Q447" s="15"/>
      <c r="R447" s="15"/>
      <c r="S447" s="15"/>
      <c r="T447" s="56"/>
      <c r="U447" s="56"/>
      <c r="V447" s="56"/>
      <c r="W447" s="56"/>
      <c r="X447" s="56"/>
      <c r="Y447" s="56"/>
      <c r="Z447" s="56"/>
      <c r="AA447" s="56"/>
      <c r="AB447" s="56"/>
      <c r="AC447" s="56"/>
      <c r="AD447" s="56"/>
      <c r="AE447" s="56"/>
      <c r="AF447" s="56"/>
      <c r="AG447" s="56"/>
      <c r="AH447" s="56"/>
      <c r="AI447" s="56"/>
      <c r="AJ447" s="56"/>
      <c r="AK447" s="56"/>
      <c r="AL447" s="56"/>
      <c r="AM447" s="56"/>
      <c r="AN447" s="56"/>
      <c r="AO447" s="56"/>
      <c r="AP447" s="56"/>
      <c r="AQ447" s="56"/>
      <c r="AR447" s="56"/>
      <c r="AS447" s="56"/>
      <c r="AT447" s="56"/>
      <c r="AU447" s="56"/>
      <c r="AV447" s="56"/>
      <c r="AW447" s="56"/>
      <c r="AX447" s="56"/>
      <c r="AY447" s="56"/>
      <c r="AZ447" s="56"/>
      <c r="BA447" s="56"/>
    </row>
    <row r="448" spans="1:53" ht="15.75" customHeight="1">
      <c r="A448" s="56"/>
      <c r="B448" s="56"/>
      <c r="C448" s="56"/>
      <c r="D448" s="56"/>
      <c r="E448" s="56"/>
      <c r="F448" s="56"/>
      <c r="G448" s="56"/>
      <c r="H448" s="56"/>
      <c r="I448" s="56"/>
      <c r="J448" s="56"/>
      <c r="K448" s="56"/>
      <c r="L448" s="56"/>
      <c r="M448" s="56"/>
      <c r="N448" s="56"/>
      <c r="O448" s="56"/>
      <c r="P448" s="56"/>
      <c r="Q448" s="15"/>
      <c r="R448" s="15"/>
      <c r="S448" s="15"/>
      <c r="T448" s="56"/>
      <c r="U448" s="56"/>
      <c r="V448" s="56"/>
      <c r="W448" s="56"/>
      <c r="X448" s="56"/>
      <c r="Y448" s="56"/>
      <c r="Z448" s="56"/>
      <c r="AA448" s="56"/>
      <c r="AB448" s="56"/>
      <c r="AC448" s="56"/>
      <c r="AD448" s="56"/>
      <c r="AE448" s="56"/>
      <c r="AF448" s="56"/>
      <c r="AG448" s="56"/>
      <c r="AH448" s="56"/>
      <c r="AI448" s="56"/>
      <c r="AJ448" s="56"/>
      <c r="AK448" s="56"/>
      <c r="AL448" s="56"/>
      <c r="AM448" s="56"/>
      <c r="AN448" s="56"/>
      <c r="AO448" s="56"/>
      <c r="AP448" s="56"/>
      <c r="AQ448" s="56"/>
      <c r="AR448" s="56"/>
      <c r="AS448" s="56"/>
      <c r="AT448" s="56"/>
      <c r="AU448" s="56"/>
      <c r="AV448" s="56"/>
      <c r="AW448" s="56"/>
      <c r="AX448" s="56"/>
      <c r="AY448" s="56"/>
      <c r="AZ448" s="56"/>
      <c r="BA448" s="56"/>
    </row>
    <row r="449" spans="1:53" ht="15.75" customHeight="1">
      <c r="A449" s="56"/>
      <c r="B449" s="56"/>
      <c r="C449" s="56"/>
      <c r="D449" s="56"/>
      <c r="E449" s="56"/>
      <c r="F449" s="56"/>
      <c r="G449" s="56"/>
      <c r="H449" s="56"/>
      <c r="I449" s="56"/>
      <c r="J449" s="56"/>
      <c r="K449" s="56"/>
      <c r="L449" s="56"/>
      <c r="M449" s="56"/>
      <c r="N449" s="56"/>
      <c r="O449" s="56"/>
      <c r="P449" s="56"/>
      <c r="Q449" s="15"/>
      <c r="R449" s="15"/>
      <c r="S449" s="15"/>
      <c r="T449" s="56"/>
      <c r="U449" s="56"/>
      <c r="V449" s="56"/>
      <c r="W449" s="56"/>
      <c r="X449" s="56"/>
      <c r="Y449" s="56"/>
      <c r="Z449" s="56"/>
      <c r="AA449" s="56"/>
      <c r="AB449" s="56"/>
      <c r="AC449" s="56"/>
      <c r="AD449" s="56"/>
      <c r="AE449" s="56"/>
      <c r="AF449" s="56"/>
      <c r="AG449" s="56"/>
      <c r="AH449" s="56"/>
      <c r="AI449" s="56"/>
      <c r="AJ449" s="56"/>
      <c r="AK449" s="56"/>
      <c r="AL449" s="56"/>
      <c r="AM449" s="56"/>
      <c r="AN449" s="56"/>
      <c r="AO449" s="56"/>
      <c r="AP449" s="56"/>
      <c r="AQ449" s="56"/>
      <c r="AR449" s="56"/>
      <c r="AS449" s="56"/>
      <c r="AT449" s="56"/>
      <c r="AU449" s="56"/>
      <c r="AV449" s="56"/>
      <c r="AW449" s="56"/>
      <c r="AX449" s="56"/>
      <c r="AY449" s="56"/>
      <c r="AZ449" s="56"/>
      <c r="BA449" s="56"/>
    </row>
    <row r="450" spans="1:53" ht="15.75" customHeight="1">
      <c r="A450" s="56"/>
      <c r="B450" s="56"/>
      <c r="C450" s="56"/>
      <c r="D450" s="56"/>
      <c r="E450" s="56"/>
      <c r="F450" s="56"/>
      <c r="G450" s="56"/>
      <c r="H450" s="56"/>
      <c r="I450" s="56"/>
      <c r="J450" s="56"/>
      <c r="K450" s="56"/>
      <c r="L450" s="56"/>
      <c r="M450" s="56"/>
      <c r="N450" s="56"/>
      <c r="O450" s="56"/>
      <c r="P450" s="56"/>
      <c r="Q450" s="15"/>
      <c r="R450" s="15"/>
      <c r="S450" s="15"/>
      <c r="T450" s="56"/>
      <c r="U450" s="56"/>
      <c r="V450" s="56"/>
      <c r="W450" s="56"/>
      <c r="X450" s="56"/>
      <c r="Y450" s="56"/>
      <c r="Z450" s="56"/>
      <c r="AA450" s="56"/>
      <c r="AB450" s="56"/>
      <c r="AC450" s="56"/>
      <c r="AD450" s="56"/>
      <c r="AE450" s="56"/>
      <c r="AF450" s="56"/>
      <c r="AG450" s="56"/>
      <c r="AH450" s="56"/>
      <c r="AI450" s="56"/>
      <c r="AJ450" s="56"/>
      <c r="AK450" s="56"/>
      <c r="AL450" s="56"/>
      <c r="AM450" s="56"/>
      <c r="AN450" s="56"/>
      <c r="AO450" s="56"/>
      <c r="AP450" s="56"/>
      <c r="AQ450" s="56"/>
      <c r="AR450" s="56"/>
      <c r="AS450" s="56"/>
      <c r="AT450" s="56"/>
      <c r="AU450" s="56"/>
      <c r="AV450" s="56"/>
      <c r="AW450" s="56"/>
      <c r="AX450" s="56"/>
      <c r="AY450" s="56"/>
      <c r="AZ450" s="56"/>
      <c r="BA450" s="56"/>
    </row>
    <row r="451" spans="1:53" ht="15.75" customHeight="1">
      <c r="A451" s="56"/>
      <c r="B451" s="56"/>
      <c r="C451" s="56"/>
      <c r="D451" s="56"/>
      <c r="E451" s="56"/>
      <c r="F451" s="56"/>
      <c r="G451" s="56"/>
      <c r="H451" s="56"/>
      <c r="I451" s="56"/>
      <c r="J451" s="56"/>
      <c r="K451" s="56"/>
      <c r="L451" s="56"/>
      <c r="M451" s="56"/>
      <c r="N451" s="56"/>
      <c r="O451" s="56"/>
      <c r="P451" s="56"/>
      <c r="Q451" s="15"/>
      <c r="R451" s="15"/>
      <c r="S451" s="15"/>
      <c r="T451" s="56"/>
      <c r="U451" s="56"/>
      <c r="V451" s="56"/>
      <c r="W451" s="56"/>
      <c r="X451" s="56"/>
      <c r="Y451" s="56"/>
      <c r="Z451" s="56"/>
      <c r="AA451" s="56"/>
      <c r="AB451" s="56"/>
      <c r="AC451" s="56"/>
      <c r="AD451" s="56"/>
      <c r="AE451" s="56"/>
      <c r="AF451" s="56"/>
      <c r="AG451" s="56"/>
      <c r="AH451" s="56"/>
      <c r="AI451" s="56"/>
      <c r="AJ451" s="56"/>
      <c r="AK451" s="56"/>
      <c r="AL451" s="56"/>
      <c r="AM451" s="56"/>
      <c r="AN451" s="56"/>
      <c r="AO451" s="56"/>
      <c r="AP451" s="56"/>
      <c r="AQ451" s="56"/>
      <c r="AR451" s="56"/>
      <c r="AS451" s="56"/>
      <c r="AT451" s="56"/>
      <c r="AU451" s="56"/>
      <c r="AV451" s="56"/>
      <c r="AW451" s="56"/>
      <c r="AX451" s="56"/>
      <c r="AY451" s="56"/>
      <c r="AZ451" s="56"/>
      <c r="BA451" s="56"/>
    </row>
    <row r="452" spans="1:53" ht="15.75" customHeight="1">
      <c r="A452" s="56"/>
      <c r="B452" s="56"/>
      <c r="C452" s="56"/>
      <c r="D452" s="56"/>
      <c r="E452" s="56"/>
      <c r="F452" s="56"/>
      <c r="G452" s="56"/>
      <c r="H452" s="56"/>
      <c r="I452" s="56"/>
      <c r="J452" s="56"/>
      <c r="K452" s="56"/>
      <c r="L452" s="56"/>
      <c r="M452" s="56"/>
      <c r="N452" s="56"/>
      <c r="O452" s="56"/>
      <c r="P452" s="56"/>
      <c r="Q452" s="15"/>
      <c r="R452" s="15"/>
      <c r="S452" s="15"/>
      <c r="T452" s="56"/>
      <c r="U452" s="56"/>
      <c r="V452" s="56"/>
      <c r="W452" s="56"/>
      <c r="X452" s="56"/>
      <c r="Y452" s="56"/>
      <c r="Z452" s="56"/>
      <c r="AA452" s="56"/>
      <c r="AB452" s="56"/>
      <c r="AC452" s="56"/>
      <c r="AD452" s="56"/>
      <c r="AE452" s="56"/>
      <c r="AF452" s="56"/>
      <c r="AG452" s="56"/>
      <c r="AH452" s="56"/>
      <c r="AI452" s="56"/>
      <c r="AJ452" s="56"/>
      <c r="AK452" s="56"/>
      <c r="AL452" s="56"/>
      <c r="AM452" s="56"/>
      <c r="AN452" s="56"/>
      <c r="AO452" s="56"/>
      <c r="AP452" s="56"/>
      <c r="AQ452" s="56"/>
      <c r="AR452" s="56"/>
      <c r="AS452" s="56"/>
      <c r="AT452" s="56"/>
      <c r="AU452" s="56"/>
      <c r="AV452" s="56"/>
      <c r="AW452" s="56"/>
      <c r="AX452" s="56"/>
      <c r="AY452" s="56"/>
      <c r="AZ452" s="56"/>
      <c r="BA452" s="56"/>
    </row>
    <row r="453" spans="1:53" ht="15.75" customHeight="1">
      <c r="A453" s="56"/>
      <c r="B453" s="56"/>
      <c r="C453" s="56"/>
      <c r="D453" s="56"/>
      <c r="E453" s="56"/>
      <c r="F453" s="56"/>
      <c r="G453" s="56"/>
      <c r="H453" s="56"/>
      <c r="I453" s="56"/>
      <c r="J453" s="56"/>
      <c r="K453" s="56"/>
      <c r="L453" s="56"/>
      <c r="M453" s="56"/>
      <c r="N453" s="56"/>
      <c r="O453" s="56"/>
      <c r="P453" s="56"/>
      <c r="Q453" s="15"/>
      <c r="R453" s="15"/>
      <c r="S453" s="15"/>
      <c r="T453" s="56"/>
      <c r="U453" s="56"/>
      <c r="V453" s="56"/>
      <c r="W453" s="56"/>
      <c r="X453" s="56"/>
      <c r="Y453" s="56"/>
      <c r="Z453" s="56"/>
      <c r="AA453" s="56"/>
      <c r="AB453" s="56"/>
      <c r="AC453" s="56"/>
      <c r="AD453" s="56"/>
      <c r="AE453" s="56"/>
      <c r="AF453" s="56"/>
      <c r="AG453" s="56"/>
      <c r="AH453" s="56"/>
      <c r="AI453" s="56"/>
      <c r="AJ453" s="56"/>
      <c r="AK453" s="56"/>
      <c r="AL453" s="56"/>
      <c r="AM453" s="56"/>
      <c r="AN453" s="56"/>
      <c r="AO453" s="56"/>
      <c r="AP453" s="56"/>
      <c r="AQ453" s="56"/>
      <c r="AR453" s="56"/>
      <c r="AS453" s="56"/>
      <c r="AT453" s="56"/>
      <c r="AU453" s="56"/>
      <c r="AV453" s="56"/>
      <c r="AW453" s="56"/>
      <c r="AX453" s="56"/>
      <c r="AY453" s="56"/>
      <c r="AZ453" s="56"/>
      <c r="BA453" s="56"/>
    </row>
    <row r="454" spans="1:53" ht="15.75" customHeight="1">
      <c r="A454" s="56"/>
      <c r="B454" s="56"/>
      <c r="C454" s="56"/>
      <c r="D454" s="56"/>
      <c r="E454" s="56"/>
      <c r="F454" s="56"/>
      <c r="G454" s="56"/>
      <c r="H454" s="56"/>
      <c r="I454" s="56"/>
      <c r="J454" s="56"/>
      <c r="K454" s="56"/>
      <c r="L454" s="56"/>
      <c r="M454" s="56"/>
      <c r="N454" s="56"/>
      <c r="O454" s="56"/>
      <c r="P454" s="56"/>
      <c r="Q454" s="15"/>
      <c r="R454" s="15"/>
      <c r="S454" s="15"/>
      <c r="T454" s="56"/>
      <c r="U454" s="56"/>
      <c r="V454" s="56"/>
      <c r="W454" s="56"/>
      <c r="X454" s="56"/>
      <c r="Y454" s="56"/>
      <c r="Z454" s="56"/>
      <c r="AA454" s="56"/>
      <c r="AB454" s="56"/>
      <c r="AC454" s="56"/>
      <c r="AD454" s="56"/>
      <c r="AE454" s="56"/>
      <c r="AF454" s="56"/>
      <c r="AG454" s="56"/>
      <c r="AH454" s="56"/>
      <c r="AI454" s="56"/>
      <c r="AJ454" s="56"/>
      <c r="AK454" s="56"/>
      <c r="AL454" s="56"/>
      <c r="AM454" s="56"/>
      <c r="AN454" s="56"/>
      <c r="AO454" s="56"/>
      <c r="AP454" s="56"/>
      <c r="AQ454" s="56"/>
      <c r="AR454" s="56"/>
      <c r="AS454" s="56"/>
      <c r="AT454" s="56"/>
      <c r="AU454" s="56"/>
      <c r="AV454" s="56"/>
      <c r="AW454" s="56"/>
      <c r="AX454" s="56"/>
      <c r="AY454" s="56"/>
      <c r="AZ454" s="56"/>
      <c r="BA454" s="56"/>
    </row>
    <row r="455" spans="1:53" ht="15.75" customHeight="1">
      <c r="A455" s="56"/>
      <c r="B455" s="56"/>
      <c r="C455" s="56"/>
      <c r="D455" s="56"/>
      <c r="E455" s="56"/>
      <c r="F455" s="56"/>
      <c r="G455" s="56"/>
      <c r="H455" s="56"/>
      <c r="I455" s="56"/>
      <c r="J455" s="56"/>
      <c r="K455" s="56"/>
      <c r="L455" s="56"/>
      <c r="M455" s="56"/>
      <c r="N455" s="56"/>
      <c r="O455" s="56"/>
      <c r="P455" s="56"/>
      <c r="Q455" s="15"/>
      <c r="R455" s="15"/>
      <c r="S455" s="15"/>
      <c r="T455" s="56"/>
      <c r="U455" s="56"/>
      <c r="V455" s="56"/>
      <c r="W455" s="56"/>
      <c r="X455" s="56"/>
      <c r="Y455" s="56"/>
      <c r="Z455" s="56"/>
      <c r="AA455" s="56"/>
      <c r="AB455" s="56"/>
      <c r="AC455" s="56"/>
      <c r="AD455" s="56"/>
      <c r="AE455" s="56"/>
      <c r="AF455" s="56"/>
      <c r="AG455" s="56"/>
      <c r="AH455" s="56"/>
      <c r="AI455" s="56"/>
      <c r="AJ455" s="56"/>
      <c r="AK455" s="56"/>
      <c r="AL455" s="56"/>
      <c r="AM455" s="56"/>
      <c r="AN455" s="56"/>
      <c r="AO455" s="56"/>
      <c r="AP455" s="56"/>
      <c r="AQ455" s="56"/>
      <c r="AR455" s="56"/>
      <c r="AS455" s="56"/>
      <c r="AT455" s="56"/>
      <c r="AU455" s="56"/>
      <c r="AV455" s="56"/>
      <c r="AW455" s="56"/>
      <c r="AX455" s="56"/>
      <c r="AY455" s="56"/>
      <c r="AZ455" s="56"/>
      <c r="BA455" s="56"/>
    </row>
    <row r="456" spans="1:53" ht="15.75" customHeight="1">
      <c r="A456" s="56"/>
      <c r="B456" s="56"/>
      <c r="C456" s="56"/>
      <c r="D456" s="56"/>
      <c r="E456" s="56"/>
      <c r="F456" s="56"/>
      <c r="G456" s="56"/>
      <c r="H456" s="56"/>
      <c r="I456" s="56"/>
      <c r="J456" s="56"/>
      <c r="K456" s="56"/>
      <c r="L456" s="56"/>
      <c r="M456" s="56"/>
      <c r="N456" s="56"/>
      <c r="O456" s="56"/>
      <c r="P456" s="56"/>
      <c r="Q456" s="15"/>
      <c r="R456" s="15"/>
      <c r="S456" s="15"/>
      <c r="T456" s="56"/>
      <c r="U456" s="56"/>
      <c r="V456" s="56"/>
      <c r="W456" s="56"/>
      <c r="X456" s="56"/>
      <c r="Y456" s="56"/>
      <c r="Z456" s="56"/>
      <c r="AA456" s="56"/>
      <c r="AB456" s="56"/>
      <c r="AC456" s="56"/>
      <c r="AD456" s="56"/>
      <c r="AE456" s="56"/>
      <c r="AF456" s="56"/>
      <c r="AG456" s="56"/>
      <c r="AH456" s="56"/>
      <c r="AI456" s="56"/>
      <c r="AJ456" s="56"/>
      <c r="AK456" s="56"/>
      <c r="AL456" s="56"/>
      <c r="AM456" s="56"/>
      <c r="AN456" s="56"/>
      <c r="AO456" s="56"/>
      <c r="AP456" s="56"/>
      <c r="AQ456" s="56"/>
      <c r="AR456" s="56"/>
      <c r="AS456" s="56"/>
      <c r="AT456" s="56"/>
      <c r="AU456" s="56"/>
      <c r="AV456" s="56"/>
      <c r="AW456" s="56"/>
      <c r="AX456" s="56"/>
      <c r="AY456" s="56"/>
      <c r="AZ456" s="56"/>
      <c r="BA456" s="56"/>
    </row>
    <row r="457" spans="1:53" ht="15.75" customHeight="1">
      <c r="A457" s="56"/>
      <c r="B457" s="56"/>
      <c r="C457" s="56"/>
      <c r="D457" s="56"/>
      <c r="E457" s="56"/>
      <c r="F457" s="56"/>
      <c r="G457" s="56"/>
      <c r="H457" s="56"/>
      <c r="I457" s="56"/>
      <c r="J457" s="56"/>
      <c r="K457" s="56"/>
      <c r="L457" s="56"/>
      <c r="M457" s="56"/>
      <c r="N457" s="56"/>
      <c r="O457" s="56"/>
      <c r="P457" s="56"/>
      <c r="Q457" s="15"/>
      <c r="R457" s="15"/>
      <c r="S457" s="15"/>
      <c r="T457" s="56"/>
      <c r="U457" s="56"/>
      <c r="V457" s="56"/>
      <c r="W457" s="56"/>
      <c r="X457" s="56"/>
      <c r="Y457" s="56"/>
      <c r="Z457" s="56"/>
      <c r="AA457" s="56"/>
      <c r="AB457" s="56"/>
      <c r="AC457" s="56"/>
      <c r="AD457" s="56"/>
      <c r="AE457" s="56"/>
      <c r="AF457" s="56"/>
      <c r="AG457" s="56"/>
      <c r="AH457" s="56"/>
      <c r="AI457" s="56"/>
      <c r="AJ457" s="56"/>
      <c r="AK457" s="56"/>
      <c r="AL457" s="56"/>
      <c r="AM457" s="56"/>
      <c r="AN457" s="56"/>
      <c r="AO457" s="56"/>
      <c r="AP457" s="56"/>
      <c r="AQ457" s="56"/>
      <c r="AR457" s="56"/>
      <c r="AS457" s="56"/>
      <c r="AT457" s="56"/>
      <c r="AU457" s="56"/>
      <c r="AV457" s="56"/>
      <c r="AW457" s="56"/>
      <c r="AX457" s="56"/>
      <c r="AY457" s="56"/>
      <c r="AZ457" s="56"/>
      <c r="BA457" s="56"/>
    </row>
    <row r="458" spans="1:53" ht="15.75" customHeight="1">
      <c r="A458" s="56"/>
      <c r="B458" s="56"/>
      <c r="C458" s="56"/>
      <c r="D458" s="56"/>
      <c r="E458" s="56"/>
      <c r="F458" s="56"/>
      <c r="G458" s="56"/>
      <c r="H458" s="56"/>
      <c r="I458" s="56"/>
      <c r="J458" s="56"/>
      <c r="K458" s="56"/>
      <c r="L458" s="56"/>
      <c r="M458" s="56"/>
      <c r="N458" s="56"/>
      <c r="O458" s="56"/>
      <c r="P458" s="56"/>
      <c r="Q458" s="15"/>
      <c r="R458" s="15"/>
      <c r="S458" s="15"/>
      <c r="T458" s="56"/>
      <c r="U458" s="56"/>
      <c r="V458" s="56"/>
      <c r="W458" s="56"/>
      <c r="X458" s="56"/>
      <c r="Y458" s="56"/>
      <c r="Z458" s="56"/>
      <c r="AA458" s="56"/>
      <c r="AB458" s="56"/>
      <c r="AC458" s="56"/>
      <c r="AD458" s="56"/>
      <c r="AE458" s="56"/>
      <c r="AF458" s="56"/>
      <c r="AG458" s="56"/>
      <c r="AH458" s="56"/>
      <c r="AI458" s="56"/>
      <c r="AJ458" s="56"/>
      <c r="AK458" s="56"/>
      <c r="AL458" s="56"/>
      <c r="AM458" s="56"/>
      <c r="AN458" s="56"/>
      <c r="AO458" s="56"/>
      <c r="AP458" s="56"/>
      <c r="AQ458" s="56"/>
      <c r="AR458" s="56"/>
      <c r="AS458" s="56"/>
      <c r="AT458" s="56"/>
      <c r="AU458" s="56"/>
      <c r="AV458" s="56"/>
      <c r="AW458" s="56"/>
      <c r="AX458" s="56"/>
      <c r="AY458" s="56"/>
      <c r="AZ458" s="56"/>
      <c r="BA458" s="56"/>
    </row>
    <row r="459" spans="1:53" ht="15.75" customHeight="1">
      <c r="A459" s="56"/>
      <c r="B459" s="56"/>
      <c r="C459" s="56"/>
      <c r="D459" s="56"/>
      <c r="E459" s="56"/>
      <c r="F459" s="56"/>
      <c r="G459" s="56"/>
      <c r="H459" s="56"/>
      <c r="I459" s="56"/>
      <c r="J459" s="56"/>
      <c r="K459" s="56"/>
      <c r="L459" s="56"/>
      <c r="M459" s="56"/>
      <c r="N459" s="56"/>
      <c r="O459" s="56"/>
      <c r="P459" s="56"/>
      <c r="Q459" s="15"/>
      <c r="R459" s="15"/>
      <c r="S459" s="15"/>
      <c r="T459" s="56"/>
      <c r="U459" s="56"/>
      <c r="V459" s="56"/>
      <c r="W459" s="56"/>
      <c r="X459" s="56"/>
      <c r="Y459" s="56"/>
      <c r="Z459" s="56"/>
      <c r="AA459" s="56"/>
      <c r="AB459" s="56"/>
      <c r="AC459" s="56"/>
      <c r="AD459" s="56"/>
      <c r="AE459" s="56"/>
      <c r="AF459" s="56"/>
      <c r="AG459" s="56"/>
      <c r="AH459" s="56"/>
      <c r="AI459" s="56"/>
      <c r="AJ459" s="56"/>
      <c r="AK459" s="56"/>
      <c r="AL459" s="56"/>
      <c r="AM459" s="56"/>
      <c r="AN459" s="56"/>
      <c r="AO459" s="56"/>
      <c r="AP459" s="56"/>
      <c r="AQ459" s="56"/>
      <c r="AR459" s="56"/>
      <c r="AS459" s="56"/>
      <c r="AT459" s="56"/>
      <c r="AU459" s="56"/>
      <c r="AV459" s="56"/>
      <c r="AW459" s="56"/>
      <c r="AX459" s="56"/>
      <c r="AY459" s="56"/>
      <c r="AZ459" s="56"/>
      <c r="BA459" s="56"/>
    </row>
    <row r="460" spans="1:53" ht="15.75" customHeight="1">
      <c r="A460" s="56"/>
      <c r="B460" s="56"/>
      <c r="C460" s="56"/>
      <c r="D460" s="56"/>
      <c r="E460" s="56"/>
      <c r="F460" s="56"/>
      <c r="G460" s="56"/>
      <c r="H460" s="56"/>
      <c r="I460" s="56"/>
      <c r="J460" s="56"/>
      <c r="K460" s="56"/>
      <c r="L460" s="56"/>
      <c r="M460" s="56"/>
      <c r="N460" s="56"/>
      <c r="O460" s="56"/>
      <c r="P460" s="56"/>
      <c r="Q460" s="15"/>
      <c r="R460" s="15"/>
      <c r="S460" s="15"/>
      <c r="T460" s="56"/>
      <c r="U460" s="56"/>
      <c r="V460" s="56"/>
      <c r="W460" s="56"/>
      <c r="X460" s="56"/>
      <c r="Y460" s="56"/>
      <c r="Z460" s="56"/>
      <c r="AA460" s="56"/>
      <c r="AB460" s="56"/>
      <c r="AC460" s="56"/>
      <c r="AD460" s="56"/>
      <c r="AE460" s="56"/>
      <c r="AF460" s="56"/>
      <c r="AG460" s="56"/>
      <c r="AH460" s="56"/>
      <c r="AI460" s="56"/>
      <c r="AJ460" s="56"/>
      <c r="AK460" s="56"/>
      <c r="AL460" s="56"/>
      <c r="AM460" s="56"/>
      <c r="AN460" s="56"/>
      <c r="AO460" s="56"/>
      <c r="AP460" s="56"/>
      <c r="AQ460" s="56"/>
      <c r="AR460" s="56"/>
      <c r="AS460" s="56"/>
      <c r="AT460" s="56"/>
      <c r="AU460" s="56"/>
      <c r="AV460" s="56"/>
      <c r="AW460" s="56"/>
      <c r="AX460" s="56"/>
      <c r="AY460" s="56"/>
      <c r="AZ460" s="56"/>
      <c r="BA460" s="56"/>
    </row>
    <row r="461" spans="1:53" ht="15.75" customHeight="1">
      <c r="A461" s="56"/>
      <c r="B461" s="56"/>
      <c r="C461" s="56"/>
      <c r="D461" s="56"/>
      <c r="E461" s="56"/>
      <c r="F461" s="56"/>
      <c r="G461" s="56"/>
      <c r="H461" s="56"/>
      <c r="I461" s="56"/>
      <c r="J461" s="56"/>
      <c r="K461" s="56"/>
      <c r="L461" s="56"/>
      <c r="M461" s="56"/>
      <c r="N461" s="56"/>
      <c r="O461" s="56"/>
      <c r="P461" s="56"/>
      <c r="Q461" s="15"/>
      <c r="R461" s="15"/>
      <c r="S461" s="15"/>
      <c r="T461" s="56"/>
      <c r="U461" s="56"/>
      <c r="V461" s="56"/>
      <c r="W461" s="56"/>
      <c r="X461" s="56"/>
      <c r="Y461" s="56"/>
      <c r="Z461" s="56"/>
      <c r="AA461" s="56"/>
      <c r="AB461" s="56"/>
      <c r="AC461" s="56"/>
      <c r="AD461" s="56"/>
      <c r="AE461" s="56"/>
      <c r="AF461" s="56"/>
      <c r="AG461" s="56"/>
      <c r="AH461" s="56"/>
      <c r="AI461" s="56"/>
      <c r="AJ461" s="56"/>
      <c r="AK461" s="56"/>
      <c r="AL461" s="56"/>
      <c r="AM461" s="56"/>
      <c r="AN461" s="56"/>
      <c r="AO461" s="56"/>
      <c r="AP461" s="56"/>
      <c r="AQ461" s="56"/>
      <c r="AR461" s="56"/>
      <c r="AS461" s="56"/>
      <c r="AT461" s="56"/>
      <c r="AU461" s="56"/>
      <c r="AV461" s="56"/>
      <c r="AW461" s="56"/>
      <c r="AX461" s="56"/>
      <c r="AY461" s="56"/>
      <c r="AZ461" s="56"/>
      <c r="BA461" s="56"/>
    </row>
    <row r="462" spans="1:53" ht="15.75" customHeight="1">
      <c r="A462" s="56"/>
      <c r="B462" s="56"/>
      <c r="C462" s="56"/>
      <c r="D462" s="56"/>
      <c r="E462" s="56"/>
      <c r="F462" s="56"/>
      <c r="G462" s="56"/>
      <c r="H462" s="56"/>
      <c r="I462" s="56"/>
      <c r="J462" s="56"/>
      <c r="K462" s="56"/>
      <c r="L462" s="56"/>
      <c r="M462" s="56"/>
      <c r="N462" s="56"/>
      <c r="O462" s="56"/>
      <c r="P462" s="56"/>
      <c r="Q462" s="15"/>
      <c r="R462" s="15"/>
      <c r="S462" s="15"/>
      <c r="T462" s="56"/>
      <c r="U462" s="56"/>
      <c r="V462" s="56"/>
      <c r="W462" s="56"/>
      <c r="X462" s="56"/>
      <c r="Y462" s="56"/>
      <c r="Z462" s="56"/>
      <c r="AA462" s="56"/>
      <c r="AB462" s="56"/>
      <c r="AC462" s="56"/>
      <c r="AD462" s="56"/>
      <c r="AE462" s="56"/>
      <c r="AF462" s="56"/>
      <c r="AG462" s="56"/>
      <c r="AH462" s="56"/>
      <c r="AI462" s="56"/>
      <c r="AJ462" s="56"/>
      <c r="AK462" s="56"/>
      <c r="AL462" s="56"/>
      <c r="AM462" s="56"/>
      <c r="AN462" s="56"/>
      <c r="AO462" s="56"/>
      <c r="AP462" s="56"/>
      <c r="AQ462" s="56"/>
      <c r="AR462" s="56"/>
      <c r="AS462" s="56"/>
      <c r="AT462" s="56"/>
      <c r="AU462" s="56"/>
      <c r="AV462" s="56"/>
      <c r="AW462" s="56"/>
      <c r="AX462" s="56"/>
      <c r="AY462" s="56"/>
      <c r="AZ462" s="56"/>
      <c r="BA462" s="56"/>
    </row>
    <row r="463" spans="1:53" ht="15.75" customHeight="1">
      <c r="A463" s="56"/>
      <c r="B463" s="56"/>
      <c r="C463" s="56"/>
      <c r="D463" s="56"/>
      <c r="E463" s="56"/>
      <c r="F463" s="56"/>
      <c r="G463" s="56"/>
      <c r="H463" s="56"/>
      <c r="I463" s="56"/>
      <c r="J463" s="56"/>
      <c r="K463" s="56"/>
      <c r="L463" s="56"/>
      <c r="M463" s="56"/>
      <c r="N463" s="56"/>
      <c r="O463" s="56"/>
      <c r="P463" s="56"/>
      <c r="Q463" s="15"/>
      <c r="R463" s="15"/>
      <c r="S463" s="15"/>
      <c r="T463" s="56"/>
      <c r="U463" s="56"/>
      <c r="V463" s="56"/>
      <c r="W463" s="56"/>
      <c r="X463" s="56"/>
      <c r="Y463" s="56"/>
      <c r="Z463" s="56"/>
      <c r="AA463" s="56"/>
      <c r="AB463" s="56"/>
      <c r="AC463" s="56"/>
      <c r="AD463" s="56"/>
      <c r="AE463" s="56"/>
      <c r="AF463" s="56"/>
      <c r="AG463" s="56"/>
      <c r="AH463" s="56"/>
      <c r="AI463" s="56"/>
      <c r="AJ463" s="56"/>
      <c r="AK463" s="56"/>
      <c r="AL463" s="56"/>
      <c r="AM463" s="56"/>
      <c r="AN463" s="56"/>
      <c r="AO463" s="56"/>
      <c r="AP463" s="56"/>
      <c r="AQ463" s="56"/>
      <c r="AR463" s="56"/>
      <c r="AS463" s="56"/>
      <c r="AT463" s="56"/>
      <c r="AU463" s="56"/>
      <c r="AV463" s="56"/>
      <c r="AW463" s="56"/>
      <c r="AX463" s="56"/>
      <c r="AY463" s="56"/>
      <c r="AZ463" s="56"/>
      <c r="BA463" s="56"/>
    </row>
    <row r="464" spans="1:53" ht="15.75" customHeight="1">
      <c r="A464" s="56"/>
      <c r="B464" s="56"/>
      <c r="C464" s="56"/>
      <c r="D464" s="56"/>
      <c r="E464" s="56"/>
      <c r="F464" s="56"/>
      <c r="G464" s="56"/>
      <c r="H464" s="56"/>
      <c r="I464" s="56"/>
      <c r="J464" s="56"/>
      <c r="K464" s="56"/>
      <c r="L464" s="56"/>
      <c r="M464" s="56"/>
      <c r="N464" s="56"/>
      <c r="O464" s="56"/>
      <c r="P464" s="56"/>
      <c r="Q464" s="15"/>
      <c r="R464" s="15"/>
      <c r="S464" s="15"/>
      <c r="T464" s="56"/>
      <c r="U464" s="56"/>
      <c r="V464" s="56"/>
      <c r="W464" s="56"/>
      <c r="X464" s="56"/>
      <c r="Y464" s="56"/>
      <c r="Z464" s="56"/>
      <c r="AA464" s="56"/>
      <c r="AB464" s="56"/>
      <c r="AC464" s="56"/>
      <c r="AD464" s="56"/>
      <c r="AE464" s="56"/>
      <c r="AF464" s="56"/>
      <c r="AG464" s="56"/>
      <c r="AH464" s="56"/>
      <c r="AI464" s="56"/>
      <c r="AJ464" s="56"/>
      <c r="AK464" s="56"/>
      <c r="AL464" s="56"/>
      <c r="AM464" s="56"/>
      <c r="AN464" s="56"/>
      <c r="AO464" s="56"/>
      <c r="AP464" s="56"/>
      <c r="AQ464" s="56"/>
      <c r="AR464" s="56"/>
      <c r="AS464" s="56"/>
      <c r="AT464" s="56"/>
      <c r="AU464" s="56"/>
      <c r="AV464" s="56"/>
      <c r="AW464" s="56"/>
      <c r="AX464" s="56"/>
      <c r="AY464" s="56"/>
      <c r="AZ464" s="56"/>
      <c r="BA464" s="56"/>
    </row>
    <row r="465" spans="1:53" ht="15.75" customHeight="1">
      <c r="A465" s="56"/>
      <c r="B465" s="56"/>
      <c r="C465" s="56"/>
      <c r="D465" s="56"/>
      <c r="E465" s="56"/>
      <c r="F465" s="56"/>
      <c r="G465" s="56"/>
      <c r="H465" s="56"/>
      <c r="I465" s="56"/>
      <c r="J465" s="56"/>
      <c r="K465" s="56"/>
      <c r="L465" s="56"/>
      <c r="M465" s="56"/>
      <c r="N465" s="56"/>
      <c r="O465" s="56"/>
      <c r="P465" s="56"/>
      <c r="Q465" s="15"/>
      <c r="R465" s="15"/>
      <c r="S465" s="15"/>
      <c r="T465" s="56"/>
      <c r="U465" s="56"/>
      <c r="V465" s="56"/>
      <c r="W465" s="56"/>
      <c r="X465" s="56"/>
      <c r="Y465" s="56"/>
      <c r="Z465" s="56"/>
      <c r="AA465" s="56"/>
      <c r="AB465" s="56"/>
      <c r="AC465" s="56"/>
      <c r="AD465" s="56"/>
      <c r="AE465" s="56"/>
      <c r="AF465" s="56"/>
      <c r="AG465" s="56"/>
      <c r="AH465" s="56"/>
      <c r="AI465" s="56"/>
      <c r="AJ465" s="56"/>
      <c r="AK465" s="56"/>
      <c r="AL465" s="56"/>
      <c r="AM465" s="56"/>
      <c r="AN465" s="56"/>
      <c r="AO465" s="56"/>
      <c r="AP465" s="56"/>
      <c r="AQ465" s="56"/>
      <c r="AR465" s="56"/>
      <c r="AS465" s="56"/>
      <c r="AT465" s="56"/>
      <c r="AU465" s="56"/>
      <c r="AV465" s="56"/>
      <c r="AW465" s="56"/>
      <c r="AX465" s="56"/>
      <c r="AY465" s="56"/>
      <c r="AZ465" s="56"/>
      <c r="BA465" s="56"/>
    </row>
    <row r="466" spans="1:53" ht="15.75" customHeight="1">
      <c r="A466" s="56"/>
      <c r="B466" s="56"/>
      <c r="C466" s="56"/>
      <c r="D466" s="56"/>
      <c r="E466" s="56"/>
      <c r="F466" s="56"/>
      <c r="G466" s="56"/>
      <c r="H466" s="56"/>
      <c r="I466" s="56"/>
      <c r="J466" s="56"/>
      <c r="K466" s="56"/>
      <c r="L466" s="56"/>
      <c r="M466" s="56"/>
      <c r="N466" s="56"/>
      <c r="O466" s="56"/>
      <c r="P466" s="56"/>
      <c r="Q466" s="15"/>
      <c r="R466" s="15"/>
      <c r="S466" s="15"/>
      <c r="T466" s="56"/>
      <c r="U466" s="56"/>
      <c r="V466" s="56"/>
      <c r="W466" s="56"/>
      <c r="X466" s="56"/>
      <c r="Y466" s="56"/>
      <c r="Z466" s="56"/>
      <c r="AA466" s="56"/>
      <c r="AB466" s="56"/>
      <c r="AC466" s="56"/>
      <c r="AD466" s="56"/>
      <c r="AE466" s="56"/>
      <c r="AF466" s="56"/>
      <c r="AG466" s="56"/>
      <c r="AH466" s="56"/>
      <c r="AI466" s="56"/>
      <c r="AJ466" s="56"/>
      <c r="AK466" s="56"/>
      <c r="AL466" s="56"/>
      <c r="AM466" s="56"/>
      <c r="AN466" s="56"/>
      <c r="AO466" s="56"/>
      <c r="AP466" s="56"/>
      <c r="AQ466" s="56"/>
      <c r="AR466" s="56"/>
      <c r="AS466" s="56"/>
      <c r="AT466" s="56"/>
      <c r="AU466" s="56"/>
      <c r="AV466" s="56"/>
      <c r="AW466" s="56"/>
      <c r="AX466" s="56"/>
      <c r="AY466" s="56"/>
      <c r="AZ466" s="56"/>
      <c r="BA466" s="56"/>
    </row>
    <row r="467" spans="1:53" ht="15.75" customHeight="1">
      <c r="A467" s="56"/>
      <c r="B467" s="56"/>
      <c r="C467" s="56"/>
      <c r="D467" s="56"/>
      <c r="E467" s="56"/>
      <c r="F467" s="56"/>
      <c r="G467" s="56"/>
      <c r="H467" s="56"/>
      <c r="I467" s="56"/>
      <c r="J467" s="56"/>
      <c r="K467" s="56"/>
      <c r="L467" s="56"/>
      <c r="M467" s="56"/>
      <c r="N467" s="56"/>
      <c r="O467" s="56"/>
      <c r="P467" s="56"/>
      <c r="Q467" s="15"/>
      <c r="R467" s="15"/>
      <c r="S467" s="15"/>
      <c r="T467" s="56"/>
      <c r="U467" s="56"/>
      <c r="V467" s="56"/>
      <c r="W467" s="56"/>
      <c r="X467" s="56"/>
      <c r="Y467" s="56"/>
      <c r="Z467" s="56"/>
      <c r="AA467" s="56"/>
      <c r="AB467" s="56"/>
      <c r="AC467" s="56"/>
      <c r="AD467" s="56"/>
      <c r="AE467" s="56"/>
      <c r="AF467" s="56"/>
      <c r="AG467" s="56"/>
      <c r="AH467" s="56"/>
      <c r="AI467" s="56"/>
      <c r="AJ467" s="56"/>
      <c r="AK467" s="56"/>
      <c r="AL467" s="56"/>
      <c r="AM467" s="56"/>
      <c r="AN467" s="56"/>
      <c r="AO467" s="56"/>
      <c r="AP467" s="56"/>
      <c r="AQ467" s="56"/>
      <c r="AR467" s="56"/>
      <c r="AS467" s="56"/>
      <c r="AT467" s="56"/>
      <c r="AU467" s="56"/>
      <c r="AV467" s="56"/>
      <c r="AW467" s="56"/>
      <c r="AX467" s="56"/>
      <c r="AY467" s="56"/>
      <c r="AZ467" s="56"/>
      <c r="BA467" s="56"/>
    </row>
    <row r="468" spans="1:53" ht="15.75" customHeight="1">
      <c r="A468" s="56"/>
      <c r="B468" s="56"/>
      <c r="C468" s="56"/>
      <c r="D468" s="56"/>
      <c r="E468" s="56"/>
      <c r="F468" s="56"/>
      <c r="G468" s="56"/>
      <c r="H468" s="56"/>
      <c r="I468" s="56"/>
      <c r="J468" s="56"/>
      <c r="K468" s="56"/>
      <c r="L468" s="56"/>
      <c r="M468" s="56"/>
      <c r="N468" s="56"/>
      <c r="O468" s="56"/>
      <c r="P468" s="56"/>
      <c r="Q468" s="15"/>
      <c r="R468" s="15"/>
      <c r="S468" s="15"/>
      <c r="T468" s="56"/>
      <c r="U468" s="56"/>
      <c r="V468" s="56"/>
      <c r="W468" s="56"/>
      <c r="X468" s="56"/>
      <c r="Y468" s="56"/>
      <c r="Z468" s="56"/>
      <c r="AA468" s="56"/>
      <c r="AB468" s="56"/>
      <c r="AC468" s="56"/>
      <c r="AD468" s="56"/>
      <c r="AE468" s="56"/>
      <c r="AF468" s="56"/>
      <c r="AG468" s="56"/>
      <c r="AH468" s="56"/>
      <c r="AI468" s="56"/>
      <c r="AJ468" s="56"/>
      <c r="AK468" s="56"/>
      <c r="AL468" s="56"/>
      <c r="AM468" s="56"/>
      <c r="AN468" s="56"/>
      <c r="AO468" s="56"/>
      <c r="AP468" s="56"/>
      <c r="AQ468" s="56"/>
      <c r="AR468" s="56"/>
      <c r="AS468" s="56"/>
      <c r="AT468" s="56"/>
      <c r="AU468" s="56"/>
      <c r="AV468" s="56"/>
      <c r="AW468" s="56"/>
      <c r="AX468" s="56"/>
      <c r="AY468" s="56"/>
      <c r="AZ468" s="56"/>
      <c r="BA468" s="56"/>
    </row>
    <row r="469" spans="1:53" ht="15.75" customHeight="1">
      <c r="A469" s="56"/>
      <c r="B469" s="56"/>
      <c r="C469" s="56"/>
      <c r="D469" s="56"/>
      <c r="E469" s="56"/>
      <c r="F469" s="56"/>
      <c r="G469" s="56"/>
      <c r="H469" s="56"/>
      <c r="I469" s="56"/>
      <c r="J469" s="56"/>
      <c r="K469" s="56"/>
      <c r="L469" s="56"/>
      <c r="M469" s="56"/>
      <c r="N469" s="56"/>
      <c r="O469" s="56"/>
      <c r="P469" s="56"/>
      <c r="Q469" s="15"/>
      <c r="R469" s="15"/>
      <c r="S469" s="15"/>
      <c r="T469" s="56"/>
      <c r="U469" s="56"/>
      <c r="V469" s="56"/>
      <c r="W469" s="56"/>
      <c r="X469" s="56"/>
      <c r="Y469" s="56"/>
      <c r="Z469" s="56"/>
      <c r="AA469" s="56"/>
      <c r="AB469" s="56"/>
      <c r="AC469" s="56"/>
      <c r="AD469" s="56"/>
      <c r="AE469" s="56"/>
      <c r="AF469" s="56"/>
      <c r="AG469" s="56"/>
      <c r="AH469" s="56"/>
      <c r="AI469" s="56"/>
      <c r="AJ469" s="56"/>
      <c r="AK469" s="56"/>
      <c r="AL469" s="56"/>
      <c r="AM469" s="56"/>
      <c r="AN469" s="56"/>
      <c r="AO469" s="56"/>
      <c r="AP469" s="56"/>
      <c r="AQ469" s="56"/>
      <c r="AR469" s="56"/>
      <c r="AS469" s="56"/>
      <c r="AT469" s="56"/>
      <c r="AU469" s="56"/>
      <c r="AV469" s="56"/>
      <c r="AW469" s="56"/>
      <c r="AX469" s="56"/>
      <c r="AY469" s="56"/>
      <c r="AZ469" s="56"/>
      <c r="BA469" s="56"/>
    </row>
    <row r="470" spans="1:53" ht="15.75" customHeight="1">
      <c r="A470" s="56"/>
      <c r="B470" s="56"/>
      <c r="C470" s="56"/>
      <c r="D470" s="56"/>
      <c r="E470" s="56"/>
      <c r="F470" s="56"/>
      <c r="G470" s="56"/>
      <c r="H470" s="56"/>
      <c r="I470" s="56"/>
      <c r="J470" s="56"/>
      <c r="K470" s="56"/>
      <c r="L470" s="56"/>
      <c r="M470" s="56"/>
      <c r="N470" s="56"/>
      <c r="O470" s="56"/>
      <c r="P470" s="56"/>
      <c r="Q470" s="15"/>
      <c r="R470" s="15"/>
      <c r="S470" s="15"/>
      <c r="T470" s="56"/>
      <c r="U470" s="56"/>
      <c r="V470" s="56"/>
      <c r="W470" s="56"/>
      <c r="X470" s="56"/>
      <c r="Y470" s="56"/>
      <c r="Z470" s="56"/>
      <c r="AA470" s="56"/>
      <c r="AB470" s="56"/>
      <c r="AC470" s="56"/>
      <c r="AD470" s="56"/>
      <c r="AE470" s="56"/>
      <c r="AF470" s="56"/>
      <c r="AG470" s="56"/>
      <c r="AH470" s="56"/>
      <c r="AI470" s="56"/>
      <c r="AJ470" s="56"/>
      <c r="AK470" s="56"/>
      <c r="AL470" s="56"/>
      <c r="AM470" s="56"/>
      <c r="AN470" s="56"/>
      <c r="AO470" s="56"/>
      <c r="AP470" s="56"/>
      <c r="AQ470" s="56"/>
      <c r="AR470" s="56"/>
      <c r="AS470" s="56"/>
      <c r="AT470" s="56"/>
      <c r="AU470" s="56"/>
      <c r="AV470" s="56"/>
      <c r="AW470" s="56"/>
      <c r="AX470" s="56"/>
      <c r="AY470" s="56"/>
      <c r="AZ470" s="56"/>
      <c r="BA470" s="56"/>
    </row>
    <row r="471" spans="1:53" ht="15.75" customHeight="1">
      <c r="A471" s="56"/>
      <c r="B471" s="56"/>
      <c r="C471" s="56"/>
      <c r="D471" s="56"/>
      <c r="E471" s="56"/>
      <c r="F471" s="56"/>
      <c r="G471" s="56"/>
      <c r="H471" s="56"/>
      <c r="I471" s="56"/>
      <c r="J471" s="56"/>
      <c r="K471" s="56"/>
      <c r="L471" s="56"/>
      <c r="M471" s="56"/>
      <c r="N471" s="56"/>
      <c r="O471" s="56"/>
      <c r="P471" s="56"/>
      <c r="Q471" s="15"/>
      <c r="R471" s="15"/>
      <c r="S471" s="15"/>
      <c r="T471" s="56"/>
      <c r="U471" s="56"/>
      <c r="V471" s="56"/>
      <c r="W471" s="56"/>
      <c r="X471" s="56"/>
      <c r="Y471" s="56"/>
      <c r="Z471" s="56"/>
      <c r="AA471" s="56"/>
      <c r="AB471" s="56"/>
      <c r="AC471" s="56"/>
      <c r="AD471" s="56"/>
      <c r="AE471" s="56"/>
      <c r="AF471" s="56"/>
      <c r="AG471" s="56"/>
      <c r="AH471" s="56"/>
      <c r="AI471" s="56"/>
      <c r="AJ471" s="56"/>
      <c r="AK471" s="56"/>
      <c r="AL471" s="56"/>
      <c r="AM471" s="56"/>
      <c r="AN471" s="56"/>
      <c r="AO471" s="56"/>
      <c r="AP471" s="56"/>
      <c r="AQ471" s="56"/>
      <c r="AR471" s="56"/>
      <c r="AS471" s="56"/>
      <c r="AT471" s="56"/>
      <c r="AU471" s="56"/>
      <c r="AV471" s="56"/>
      <c r="AW471" s="56"/>
      <c r="AX471" s="56"/>
      <c r="AY471" s="56"/>
      <c r="AZ471" s="56"/>
      <c r="BA471" s="56"/>
    </row>
    <row r="472" spans="1:53" ht="15.75" customHeight="1">
      <c r="A472" s="56"/>
      <c r="B472" s="56"/>
      <c r="C472" s="56"/>
      <c r="D472" s="56"/>
      <c r="E472" s="56"/>
      <c r="F472" s="56"/>
      <c r="G472" s="56"/>
      <c r="H472" s="56"/>
      <c r="I472" s="56"/>
      <c r="J472" s="56"/>
      <c r="K472" s="56"/>
      <c r="L472" s="56"/>
      <c r="M472" s="56"/>
      <c r="N472" s="56"/>
      <c r="O472" s="56"/>
      <c r="P472" s="56"/>
      <c r="Q472" s="15"/>
      <c r="R472" s="15"/>
      <c r="S472" s="15"/>
      <c r="T472" s="56"/>
      <c r="U472" s="56"/>
      <c r="V472" s="56"/>
      <c r="W472" s="56"/>
      <c r="X472" s="56"/>
      <c r="Y472" s="56"/>
      <c r="Z472" s="56"/>
      <c r="AA472" s="56"/>
      <c r="AB472" s="56"/>
      <c r="AC472" s="56"/>
      <c r="AD472" s="56"/>
      <c r="AE472" s="56"/>
      <c r="AF472" s="56"/>
      <c r="AG472" s="56"/>
      <c r="AH472" s="56"/>
      <c r="AI472" s="56"/>
      <c r="AJ472" s="56"/>
      <c r="AK472" s="56"/>
      <c r="AL472" s="56"/>
      <c r="AM472" s="56"/>
      <c r="AN472" s="56"/>
      <c r="AO472" s="56"/>
      <c r="AP472" s="56"/>
      <c r="AQ472" s="56"/>
      <c r="AR472" s="56"/>
      <c r="AS472" s="56"/>
      <c r="AT472" s="56"/>
      <c r="AU472" s="56"/>
      <c r="AV472" s="56"/>
      <c r="AW472" s="56"/>
      <c r="AX472" s="56"/>
      <c r="AY472" s="56"/>
      <c r="AZ472" s="56"/>
      <c r="BA472" s="56"/>
    </row>
    <row r="473" spans="1:53" ht="15.75" customHeight="1">
      <c r="A473" s="56"/>
      <c r="B473" s="56"/>
      <c r="C473" s="56"/>
      <c r="D473" s="56"/>
      <c r="E473" s="56"/>
      <c r="F473" s="56"/>
      <c r="G473" s="56"/>
      <c r="H473" s="56"/>
      <c r="I473" s="56"/>
      <c r="J473" s="56"/>
      <c r="K473" s="56"/>
      <c r="L473" s="56"/>
      <c r="M473" s="56"/>
      <c r="N473" s="56"/>
      <c r="O473" s="56"/>
      <c r="P473" s="56"/>
      <c r="Q473" s="15"/>
      <c r="R473" s="15"/>
      <c r="S473" s="15"/>
      <c r="T473" s="56"/>
      <c r="U473" s="56"/>
      <c r="V473" s="56"/>
      <c r="W473" s="56"/>
      <c r="X473" s="56"/>
      <c r="Y473" s="56"/>
      <c r="Z473" s="56"/>
      <c r="AA473" s="56"/>
      <c r="AB473" s="56"/>
      <c r="AC473" s="56"/>
      <c r="AD473" s="56"/>
      <c r="AE473" s="56"/>
      <c r="AF473" s="56"/>
      <c r="AG473" s="56"/>
      <c r="AH473" s="56"/>
      <c r="AI473" s="56"/>
      <c r="AJ473" s="56"/>
      <c r="AK473" s="56"/>
      <c r="AL473" s="56"/>
      <c r="AM473" s="56"/>
      <c r="AN473" s="56"/>
      <c r="AO473" s="56"/>
      <c r="AP473" s="56"/>
      <c r="AQ473" s="56"/>
      <c r="AR473" s="56"/>
      <c r="AS473" s="56"/>
      <c r="AT473" s="56"/>
      <c r="AU473" s="56"/>
      <c r="AV473" s="56"/>
      <c r="AW473" s="56"/>
      <c r="AX473" s="56"/>
      <c r="AY473" s="56"/>
      <c r="AZ473" s="56"/>
      <c r="BA473" s="56"/>
    </row>
    <row r="474" spans="1:53" ht="15.75" customHeight="1">
      <c r="A474" s="56"/>
      <c r="B474" s="56"/>
      <c r="C474" s="56"/>
      <c r="D474" s="56"/>
      <c r="E474" s="56"/>
      <c r="F474" s="56"/>
      <c r="G474" s="56"/>
      <c r="H474" s="56"/>
      <c r="I474" s="56"/>
      <c r="J474" s="56"/>
      <c r="K474" s="56"/>
      <c r="L474" s="56"/>
      <c r="M474" s="56"/>
      <c r="N474" s="56"/>
      <c r="O474" s="56"/>
      <c r="P474" s="56"/>
      <c r="Q474" s="15"/>
      <c r="R474" s="15"/>
      <c r="S474" s="15"/>
      <c r="T474" s="56"/>
      <c r="U474" s="56"/>
      <c r="V474" s="56"/>
      <c r="W474" s="56"/>
      <c r="X474" s="56"/>
      <c r="Y474" s="56"/>
      <c r="Z474" s="56"/>
      <c r="AA474" s="56"/>
      <c r="AB474" s="56"/>
      <c r="AC474" s="56"/>
      <c r="AD474" s="56"/>
      <c r="AE474" s="56"/>
      <c r="AF474" s="56"/>
      <c r="AG474" s="56"/>
      <c r="AH474" s="56"/>
      <c r="AI474" s="56"/>
      <c r="AJ474" s="56"/>
      <c r="AK474" s="56"/>
      <c r="AL474" s="56"/>
      <c r="AM474" s="56"/>
      <c r="AN474" s="56"/>
      <c r="AO474" s="56"/>
      <c r="AP474" s="56"/>
      <c r="AQ474" s="56"/>
      <c r="AR474" s="56"/>
      <c r="AS474" s="56"/>
      <c r="AT474" s="56"/>
      <c r="AU474" s="56"/>
      <c r="AV474" s="56"/>
      <c r="AW474" s="56"/>
      <c r="AX474" s="56"/>
      <c r="AY474" s="56"/>
      <c r="AZ474" s="56"/>
      <c r="BA474" s="56"/>
    </row>
    <row r="475" spans="1:53" ht="15.75" customHeight="1">
      <c r="A475" s="56"/>
      <c r="B475" s="56"/>
      <c r="C475" s="56"/>
      <c r="D475" s="56"/>
      <c r="E475" s="56"/>
      <c r="F475" s="56"/>
      <c r="G475" s="56"/>
      <c r="H475" s="56"/>
      <c r="I475" s="56"/>
      <c r="J475" s="56"/>
      <c r="K475" s="56"/>
      <c r="L475" s="56"/>
      <c r="M475" s="56"/>
      <c r="N475" s="56"/>
      <c r="O475" s="56"/>
      <c r="P475" s="56"/>
      <c r="Q475" s="15"/>
      <c r="R475" s="15"/>
      <c r="S475" s="15"/>
      <c r="T475" s="56"/>
      <c r="U475" s="56"/>
      <c r="V475" s="56"/>
      <c r="W475" s="56"/>
      <c r="X475" s="56"/>
      <c r="Y475" s="56"/>
      <c r="Z475" s="56"/>
      <c r="AA475" s="56"/>
      <c r="AB475" s="56"/>
      <c r="AC475" s="56"/>
      <c r="AD475" s="56"/>
      <c r="AE475" s="56"/>
      <c r="AF475" s="56"/>
      <c r="AG475" s="56"/>
      <c r="AH475" s="56"/>
      <c r="AI475" s="56"/>
      <c r="AJ475" s="56"/>
      <c r="AK475" s="56"/>
      <c r="AL475" s="56"/>
      <c r="AM475" s="56"/>
      <c r="AN475" s="56"/>
      <c r="AO475" s="56"/>
      <c r="AP475" s="56"/>
      <c r="AQ475" s="56"/>
      <c r="AR475" s="56"/>
      <c r="AS475" s="56"/>
      <c r="AT475" s="56"/>
      <c r="AU475" s="56"/>
      <c r="AV475" s="56"/>
      <c r="AW475" s="56"/>
      <c r="AX475" s="56"/>
      <c r="AY475" s="56"/>
      <c r="AZ475" s="56"/>
      <c r="BA475" s="56"/>
    </row>
    <row r="476" spans="1:53" ht="15.75" customHeight="1">
      <c r="A476" s="56"/>
      <c r="B476" s="56"/>
      <c r="C476" s="56"/>
      <c r="D476" s="56"/>
      <c r="E476" s="56"/>
      <c r="F476" s="56"/>
      <c r="G476" s="56"/>
      <c r="H476" s="56"/>
      <c r="I476" s="56"/>
      <c r="J476" s="56"/>
      <c r="K476" s="56"/>
      <c r="L476" s="56"/>
      <c r="M476" s="56"/>
      <c r="N476" s="56"/>
      <c r="O476" s="56"/>
      <c r="P476" s="56"/>
      <c r="Q476" s="15"/>
      <c r="R476" s="15"/>
      <c r="S476" s="15"/>
      <c r="T476" s="56"/>
      <c r="U476" s="56"/>
      <c r="V476" s="56"/>
      <c r="W476" s="56"/>
      <c r="X476" s="56"/>
      <c r="Y476" s="56"/>
      <c r="Z476" s="56"/>
      <c r="AA476" s="56"/>
      <c r="AB476" s="56"/>
      <c r="AC476" s="56"/>
      <c r="AD476" s="56"/>
      <c r="AE476" s="56"/>
      <c r="AF476" s="56"/>
      <c r="AG476" s="56"/>
      <c r="AH476" s="56"/>
      <c r="AI476" s="56"/>
      <c r="AJ476" s="56"/>
      <c r="AK476" s="56"/>
      <c r="AL476" s="56"/>
      <c r="AM476" s="56"/>
      <c r="AN476" s="56"/>
      <c r="AO476" s="56"/>
      <c r="AP476" s="56"/>
      <c r="AQ476" s="56"/>
      <c r="AR476" s="56"/>
      <c r="AS476" s="56"/>
      <c r="AT476" s="56"/>
      <c r="AU476" s="56"/>
      <c r="AV476" s="56"/>
      <c r="AW476" s="56"/>
      <c r="AX476" s="56"/>
      <c r="AY476" s="56"/>
      <c r="AZ476" s="56"/>
      <c r="BA476" s="56"/>
    </row>
    <row r="477" spans="1:53" ht="15.75" customHeight="1">
      <c r="A477" s="56"/>
      <c r="B477" s="56"/>
      <c r="C477" s="56"/>
      <c r="D477" s="56"/>
      <c r="E477" s="56"/>
      <c r="F477" s="56"/>
      <c r="G477" s="56"/>
      <c r="H477" s="56"/>
      <c r="I477" s="56"/>
      <c r="J477" s="56"/>
      <c r="K477" s="56"/>
      <c r="L477" s="56"/>
      <c r="M477" s="56"/>
      <c r="N477" s="56"/>
      <c r="O477" s="56"/>
      <c r="P477" s="56"/>
      <c r="Q477" s="15"/>
      <c r="R477" s="15"/>
      <c r="S477" s="15"/>
      <c r="T477" s="56"/>
      <c r="U477" s="56"/>
      <c r="V477" s="56"/>
      <c r="W477" s="56"/>
      <c r="X477" s="56"/>
      <c r="Y477" s="56"/>
      <c r="Z477" s="56"/>
      <c r="AA477" s="56"/>
      <c r="AB477" s="56"/>
      <c r="AC477" s="56"/>
      <c r="AD477" s="56"/>
      <c r="AE477" s="56"/>
      <c r="AF477" s="56"/>
      <c r="AG477" s="56"/>
      <c r="AH477" s="56"/>
      <c r="AI477" s="56"/>
      <c r="AJ477" s="56"/>
      <c r="AK477" s="56"/>
      <c r="AL477" s="56"/>
      <c r="AM477" s="56"/>
      <c r="AN477" s="56"/>
      <c r="AO477" s="56"/>
      <c r="AP477" s="56"/>
      <c r="AQ477" s="56"/>
      <c r="AR477" s="56"/>
      <c r="AS477" s="56"/>
      <c r="AT477" s="56"/>
      <c r="AU477" s="56"/>
      <c r="AV477" s="56"/>
      <c r="AW477" s="56"/>
      <c r="AX477" s="56"/>
      <c r="AY477" s="56"/>
      <c r="AZ477" s="56"/>
      <c r="BA477" s="56"/>
    </row>
    <row r="478" spans="1:53" ht="15.75" customHeight="1">
      <c r="A478" s="56"/>
      <c r="B478" s="56"/>
      <c r="C478" s="56"/>
      <c r="D478" s="56"/>
      <c r="E478" s="56"/>
      <c r="F478" s="56"/>
      <c r="G478" s="56"/>
      <c r="H478" s="56"/>
      <c r="I478" s="56"/>
      <c r="J478" s="56"/>
      <c r="K478" s="56"/>
      <c r="L478" s="56"/>
      <c r="M478" s="56"/>
      <c r="N478" s="56"/>
      <c r="O478" s="56"/>
      <c r="P478" s="56"/>
      <c r="Q478" s="15"/>
      <c r="R478" s="15"/>
      <c r="S478" s="15"/>
      <c r="T478" s="56"/>
      <c r="U478" s="56"/>
      <c r="V478" s="56"/>
      <c r="W478" s="56"/>
      <c r="X478" s="56"/>
      <c r="Y478" s="56"/>
      <c r="Z478" s="56"/>
      <c r="AA478" s="56"/>
      <c r="AB478" s="56"/>
      <c r="AC478" s="56"/>
      <c r="AD478" s="56"/>
      <c r="AE478" s="56"/>
      <c r="AF478" s="56"/>
      <c r="AG478" s="56"/>
      <c r="AH478" s="56"/>
      <c r="AI478" s="56"/>
      <c r="AJ478" s="56"/>
      <c r="AK478" s="56"/>
      <c r="AL478" s="56"/>
      <c r="AM478" s="56"/>
      <c r="AN478" s="56"/>
      <c r="AO478" s="56"/>
      <c r="AP478" s="56"/>
      <c r="AQ478" s="56"/>
      <c r="AR478" s="56"/>
      <c r="AS478" s="56"/>
      <c r="AT478" s="56"/>
      <c r="AU478" s="56"/>
      <c r="AV478" s="56"/>
      <c r="AW478" s="56"/>
      <c r="AX478" s="56"/>
      <c r="AY478" s="56"/>
      <c r="AZ478" s="56"/>
      <c r="BA478" s="56"/>
    </row>
    <row r="479" spans="1:53" ht="15.75" customHeight="1">
      <c r="A479" s="56"/>
      <c r="B479" s="56"/>
      <c r="C479" s="56"/>
      <c r="D479" s="56"/>
      <c r="E479" s="56"/>
      <c r="F479" s="56"/>
      <c r="G479" s="56"/>
      <c r="H479" s="56"/>
      <c r="I479" s="56"/>
      <c r="J479" s="56"/>
      <c r="K479" s="56"/>
      <c r="L479" s="56"/>
      <c r="M479" s="56"/>
      <c r="N479" s="56"/>
      <c r="O479" s="56"/>
      <c r="P479" s="56"/>
      <c r="Q479" s="15"/>
      <c r="R479" s="15"/>
      <c r="S479" s="15"/>
      <c r="T479" s="56"/>
      <c r="U479" s="56"/>
      <c r="V479" s="56"/>
      <c r="W479" s="56"/>
      <c r="X479" s="56"/>
      <c r="Y479" s="56"/>
      <c r="Z479" s="56"/>
      <c r="AA479" s="56"/>
      <c r="AB479" s="56"/>
      <c r="AC479" s="56"/>
      <c r="AD479" s="56"/>
      <c r="AE479" s="56"/>
      <c r="AF479" s="56"/>
      <c r="AG479" s="56"/>
      <c r="AH479" s="56"/>
      <c r="AI479" s="56"/>
      <c r="AJ479" s="56"/>
      <c r="AK479" s="56"/>
      <c r="AL479" s="56"/>
      <c r="AM479" s="56"/>
      <c r="AN479" s="56"/>
      <c r="AO479" s="56"/>
      <c r="AP479" s="56"/>
      <c r="AQ479" s="56"/>
      <c r="AR479" s="56"/>
      <c r="AS479" s="56"/>
      <c r="AT479" s="56"/>
      <c r="AU479" s="56"/>
      <c r="AV479" s="56"/>
      <c r="AW479" s="56"/>
      <c r="AX479" s="56"/>
      <c r="AY479" s="56"/>
      <c r="AZ479" s="56"/>
      <c r="BA479" s="56"/>
    </row>
    <row r="480" spans="1:53" ht="15.75" customHeight="1">
      <c r="A480" s="56"/>
      <c r="B480" s="56"/>
      <c r="C480" s="56"/>
      <c r="D480" s="56"/>
      <c r="E480" s="56"/>
      <c r="F480" s="56"/>
      <c r="G480" s="56"/>
      <c r="H480" s="56"/>
      <c r="I480" s="56"/>
      <c r="J480" s="56"/>
      <c r="K480" s="56"/>
      <c r="L480" s="56"/>
      <c r="M480" s="56"/>
      <c r="N480" s="56"/>
      <c r="O480" s="56"/>
      <c r="P480" s="56"/>
      <c r="Q480" s="15"/>
      <c r="R480" s="15"/>
      <c r="S480" s="15"/>
      <c r="T480" s="56"/>
      <c r="U480" s="56"/>
      <c r="V480" s="56"/>
      <c r="W480" s="56"/>
      <c r="X480" s="56"/>
      <c r="Y480" s="56"/>
      <c r="Z480" s="56"/>
      <c r="AA480" s="56"/>
      <c r="AB480" s="56"/>
      <c r="AC480" s="56"/>
      <c r="AD480" s="56"/>
      <c r="AE480" s="56"/>
      <c r="AF480" s="56"/>
      <c r="AG480" s="56"/>
      <c r="AH480" s="56"/>
      <c r="AI480" s="56"/>
      <c r="AJ480" s="56"/>
      <c r="AK480" s="56"/>
      <c r="AL480" s="56"/>
      <c r="AM480" s="56"/>
      <c r="AN480" s="56"/>
      <c r="AO480" s="56"/>
      <c r="AP480" s="56"/>
      <c r="AQ480" s="56"/>
      <c r="AR480" s="56"/>
      <c r="AS480" s="56"/>
      <c r="AT480" s="56"/>
      <c r="AU480" s="56"/>
      <c r="AV480" s="56"/>
      <c r="AW480" s="56"/>
      <c r="AX480" s="56"/>
      <c r="AY480" s="56"/>
      <c r="AZ480" s="56"/>
      <c r="BA480" s="56"/>
    </row>
    <row r="481" spans="1:53" ht="15.75" customHeight="1">
      <c r="A481" s="56"/>
      <c r="B481" s="56"/>
      <c r="C481" s="56"/>
      <c r="D481" s="56"/>
      <c r="E481" s="56"/>
      <c r="F481" s="56"/>
      <c r="G481" s="56"/>
      <c r="H481" s="56"/>
      <c r="I481" s="56"/>
      <c r="J481" s="56"/>
      <c r="K481" s="56"/>
      <c r="L481" s="56"/>
      <c r="M481" s="56"/>
      <c r="N481" s="56"/>
      <c r="O481" s="56"/>
      <c r="P481" s="56"/>
      <c r="Q481" s="15"/>
      <c r="R481" s="15"/>
      <c r="S481" s="15"/>
      <c r="T481" s="56"/>
      <c r="U481" s="56"/>
      <c r="V481" s="56"/>
      <c r="W481" s="56"/>
      <c r="X481" s="56"/>
      <c r="Y481" s="56"/>
      <c r="Z481" s="56"/>
      <c r="AA481" s="56"/>
      <c r="AB481" s="56"/>
      <c r="AC481" s="56"/>
      <c r="AD481" s="56"/>
      <c r="AE481" s="56"/>
      <c r="AF481" s="56"/>
      <c r="AG481" s="56"/>
      <c r="AH481" s="56"/>
      <c r="AI481" s="56"/>
      <c r="AJ481" s="56"/>
      <c r="AK481" s="56"/>
      <c r="AL481" s="56"/>
      <c r="AM481" s="56"/>
      <c r="AN481" s="56"/>
      <c r="AO481" s="56"/>
      <c r="AP481" s="56"/>
      <c r="AQ481" s="56"/>
      <c r="AR481" s="56"/>
      <c r="AS481" s="56"/>
      <c r="AT481" s="56"/>
      <c r="AU481" s="56"/>
      <c r="AV481" s="56"/>
      <c r="AW481" s="56"/>
      <c r="AX481" s="56"/>
      <c r="AY481" s="56"/>
      <c r="AZ481" s="56"/>
      <c r="BA481" s="56"/>
    </row>
    <row r="482" spans="1:53" ht="15.75" customHeight="1">
      <c r="A482" s="56"/>
      <c r="B482" s="56"/>
      <c r="C482" s="56"/>
      <c r="D482" s="56"/>
      <c r="E482" s="56"/>
      <c r="F482" s="56"/>
      <c r="G482" s="56"/>
      <c r="H482" s="56"/>
      <c r="I482" s="56"/>
      <c r="J482" s="56"/>
      <c r="K482" s="56"/>
      <c r="L482" s="56"/>
      <c r="M482" s="56"/>
      <c r="N482" s="56"/>
      <c r="O482" s="56"/>
      <c r="P482" s="56"/>
      <c r="Q482" s="15"/>
      <c r="R482" s="15"/>
      <c r="S482" s="15"/>
      <c r="T482" s="56"/>
      <c r="U482" s="56"/>
      <c r="V482" s="56"/>
      <c r="W482" s="56"/>
      <c r="X482" s="56"/>
      <c r="Y482" s="56"/>
      <c r="Z482" s="56"/>
      <c r="AA482" s="56"/>
      <c r="AB482" s="56"/>
      <c r="AC482" s="56"/>
      <c r="AD482" s="56"/>
      <c r="AE482" s="56"/>
      <c r="AF482" s="56"/>
      <c r="AG482" s="56"/>
      <c r="AH482" s="56"/>
      <c r="AI482" s="56"/>
      <c r="AJ482" s="56"/>
      <c r="AK482" s="56"/>
      <c r="AL482" s="56"/>
      <c r="AM482" s="56"/>
      <c r="AN482" s="56"/>
      <c r="AO482" s="56"/>
      <c r="AP482" s="56"/>
      <c r="AQ482" s="56"/>
      <c r="AR482" s="56"/>
      <c r="AS482" s="56"/>
      <c r="AT482" s="56"/>
      <c r="AU482" s="56"/>
      <c r="AV482" s="56"/>
      <c r="AW482" s="56"/>
      <c r="AX482" s="56"/>
      <c r="AY482" s="56"/>
      <c r="AZ482" s="56"/>
      <c r="BA482" s="56"/>
    </row>
    <row r="483" spans="1:53" ht="15.75" customHeight="1">
      <c r="A483" s="56"/>
      <c r="B483" s="56"/>
      <c r="C483" s="56"/>
      <c r="D483" s="56"/>
      <c r="E483" s="56"/>
      <c r="F483" s="56"/>
      <c r="G483" s="56"/>
      <c r="H483" s="56"/>
      <c r="I483" s="56"/>
      <c r="J483" s="56"/>
      <c r="K483" s="56"/>
      <c r="L483" s="56"/>
      <c r="M483" s="56"/>
      <c r="N483" s="56"/>
      <c r="O483" s="56"/>
      <c r="P483" s="56"/>
      <c r="Q483" s="15"/>
      <c r="R483" s="15"/>
      <c r="S483" s="15"/>
      <c r="T483" s="56"/>
      <c r="U483" s="56"/>
      <c r="V483" s="56"/>
      <c r="W483" s="56"/>
      <c r="X483" s="56"/>
      <c r="Y483" s="56"/>
      <c r="Z483" s="56"/>
      <c r="AA483" s="56"/>
      <c r="AB483" s="56"/>
      <c r="AC483" s="56"/>
      <c r="AD483" s="56"/>
      <c r="AE483" s="56"/>
      <c r="AF483" s="56"/>
      <c r="AG483" s="56"/>
      <c r="AH483" s="56"/>
      <c r="AI483" s="56"/>
      <c r="AJ483" s="56"/>
      <c r="AK483" s="56"/>
      <c r="AL483" s="56"/>
      <c r="AM483" s="56"/>
      <c r="AN483" s="56"/>
      <c r="AO483" s="56"/>
      <c r="AP483" s="56"/>
      <c r="AQ483" s="56"/>
      <c r="AR483" s="56"/>
      <c r="AS483" s="56"/>
      <c r="AT483" s="56"/>
      <c r="AU483" s="56"/>
      <c r="AV483" s="56"/>
      <c r="AW483" s="56"/>
      <c r="AX483" s="56"/>
      <c r="AY483" s="56"/>
      <c r="AZ483" s="56"/>
      <c r="BA483" s="56"/>
    </row>
    <row r="484" spans="1:53" ht="15.75" customHeight="1">
      <c r="A484" s="56"/>
      <c r="B484" s="56"/>
      <c r="C484" s="56"/>
      <c r="D484" s="56"/>
      <c r="E484" s="56"/>
      <c r="F484" s="56"/>
      <c r="G484" s="56"/>
      <c r="H484" s="56"/>
      <c r="I484" s="56"/>
      <c r="J484" s="56"/>
      <c r="K484" s="56"/>
      <c r="L484" s="56"/>
      <c r="M484" s="56"/>
      <c r="N484" s="56"/>
      <c r="O484" s="56"/>
      <c r="P484" s="56"/>
      <c r="Q484" s="15"/>
      <c r="R484" s="15"/>
      <c r="S484" s="15"/>
      <c r="T484" s="56"/>
      <c r="U484" s="56"/>
      <c r="V484" s="56"/>
      <c r="W484" s="56"/>
      <c r="X484" s="56"/>
      <c r="Y484" s="56"/>
      <c r="Z484" s="56"/>
      <c r="AA484" s="56"/>
      <c r="AB484" s="56"/>
      <c r="AC484" s="56"/>
      <c r="AD484" s="56"/>
      <c r="AE484" s="56"/>
      <c r="AF484" s="56"/>
      <c r="AG484" s="56"/>
      <c r="AH484" s="56"/>
      <c r="AI484" s="56"/>
      <c r="AJ484" s="56"/>
      <c r="AK484" s="56"/>
      <c r="AL484" s="56"/>
      <c r="AM484" s="56"/>
      <c r="AN484" s="56"/>
      <c r="AO484" s="56"/>
      <c r="AP484" s="56"/>
      <c r="AQ484" s="56"/>
      <c r="AR484" s="56"/>
      <c r="AS484" s="56"/>
      <c r="AT484" s="56"/>
      <c r="AU484" s="56"/>
      <c r="AV484" s="56"/>
      <c r="AW484" s="56"/>
      <c r="AX484" s="56"/>
      <c r="AY484" s="56"/>
      <c r="AZ484" s="56"/>
      <c r="BA484" s="56"/>
    </row>
    <row r="485" spans="1:53" ht="15.75" customHeight="1">
      <c r="A485" s="56"/>
      <c r="B485" s="56"/>
      <c r="C485" s="56"/>
      <c r="D485" s="56"/>
      <c r="E485" s="56"/>
      <c r="F485" s="56"/>
      <c r="G485" s="56"/>
      <c r="H485" s="56"/>
      <c r="I485" s="56"/>
      <c r="J485" s="56"/>
      <c r="K485" s="56"/>
      <c r="L485" s="56"/>
      <c r="M485" s="56"/>
      <c r="N485" s="56"/>
      <c r="O485" s="56"/>
      <c r="P485" s="56"/>
      <c r="Q485" s="15"/>
      <c r="R485" s="15"/>
      <c r="S485" s="15"/>
      <c r="T485" s="56"/>
      <c r="U485" s="56"/>
      <c r="V485" s="56"/>
      <c r="W485" s="56"/>
      <c r="X485" s="56"/>
      <c r="Y485" s="56"/>
      <c r="Z485" s="56"/>
      <c r="AA485" s="56"/>
      <c r="AB485" s="56"/>
      <c r="AC485" s="56"/>
      <c r="AD485" s="56"/>
      <c r="AE485" s="56"/>
      <c r="AF485" s="56"/>
      <c r="AG485" s="56"/>
      <c r="AH485" s="56"/>
      <c r="AI485" s="56"/>
      <c r="AJ485" s="56"/>
      <c r="AK485" s="56"/>
      <c r="AL485" s="56"/>
      <c r="AM485" s="56"/>
      <c r="AN485" s="56"/>
      <c r="AO485" s="56"/>
      <c r="AP485" s="56"/>
      <c r="AQ485" s="56"/>
      <c r="AR485" s="56"/>
      <c r="AS485" s="56"/>
      <c r="AT485" s="56"/>
      <c r="AU485" s="56"/>
      <c r="AV485" s="56"/>
      <c r="AW485" s="56"/>
      <c r="AX485" s="56"/>
      <c r="AY485" s="56"/>
      <c r="AZ485" s="56"/>
      <c r="BA485" s="56"/>
    </row>
    <row r="486" spans="1:53" ht="15.75" customHeight="1">
      <c r="A486" s="56"/>
      <c r="B486" s="56"/>
      <c r="C486" s="56"/>
      <c r="D486" s="56"/>
      <c r="E486" s="56"/>
      <c r="F486" s="56"/>
      <c r="G486" s="56"/>
      <c r="H486" s="56"/>
      <c r="I486" s="56"/>
      <c r="J486" s="56"/>
      <c r="K486" s="56"/>
      <c r="L486" s="56"/>
      <c r="M486" s="56"/>
      <c r="N486" s="56"/>
      <c r="O486" s="56"/>
      <c r="P486" s="56"/>
      <c r="Q486" s="15"/>
      <c r="R486" s="15"/>
      <c r="S486" s="15"/>
      <c r="T486" s="56"/>
      <c r="U486" s="56"/>
      <c r="V486" s="56"/>
      <c r="W486" s="56"/>
      <c r="X486" s="56"/>
      <c r="Y486" s="56"/>
      <c r="Z486" s="56"/>
      <c r="AA486" s="56"/>
      <c r="AB486" s="56"/>
      <c r="AC486" s="56"/>
      <c r="AD486" s="56"/>
      <c r="AE486" s="56"/>
      <c r="AF486" s="56"/>
      <c r="AG486" s="56"/>
      <c r="AH486" s="56"/>
      <c r="AI486" s="56"/>
      <c r="AJ486" s="56"/>
      <c r="AK486" s="56"/>
      <c r="AL486" s="56"/>
      <c r="AM486" s="56"/>
      <c r="AN486" s="56"/>
      <c r="AO486" s="56"/>
      <c r="AP486" s="56"/>
      <c r="AQ486" s="56"/>
      <c r="AR486" s="56"/>
      <c r="AS486" s="56"/>
      <c r="AT486" s="56"/>
      <c r="AU486" s="56"/>
      <c r="AV486" s="56"/>
      <c r="AW486" s="56"/>
      <c r="AX486" s="56"/>
      <c r="AY486" s="56"/>
      <c r="AZ486" s="56"/>
      <c r="BA486" s="56"/>
    </row>
    <row r="487" spans="1:53" ht="15.75" customHeight="1">
      <c r="A487" s="56"/>
      <c r="B487" s="56"/>
      <c r="C487" s="56"/>
      <c r="D487" s="56"/>
      <c r="E487" s="56"/>
      <c r="F487" s="56"/>
      <c r="G487" s="56"/>
      <c r="H487" s="56"/>
      <c r="I487" s="56"/>
      <c r="J487" s="56"/>
      <c r="K487" s="56"/>
      <c r="L487" s="56"/>
      <c r="M487" s="56"/>
      <c r="N487" s="56"/>
      <c r="O487" s="56"/>
      <c r="P487" s="56"/>
      <c r="Q487" s="15"/>
      <c r="R487" s="15"/>
      <c r="S487" s="15"/>
      <c r="T487" s="56"/>
      <c r="U487" s="56"/>
      <c r="V487" s="56"/>
      <c r="W487" s="56"/>
      <c r="X487" s="56"/>
      <c r="Y487" s="56"/>
      <c r="Z487" s="56"/>
      <c r="AA487" s="56"/>
      <c r="AB487" s="56"/>
      <c r="AC487" s="56"/>
      <c r="AD487" s="56"/>
      <c r="AE487" s="56"/>
      <c r="AF487" s="56"/>
      <c r="AG487" s="56"/>
      <c r="AH487" s="56"/>
      <c r="AI487" s="56"/>
      <c r="AJ487" s="56"/>
      <c r="AK487" s="56"/>
      <c r="AL487" s="56"/>
      <c r="AM487" s="56"/>
      <c r="AN487" s="56"/>
      <c r="AO487" s="56"/>
      <c r="AP487" s="56"/>
      <c r="AQ487" s="56"/>
      <c r="AR487" s="56"/>
      <c r="AS487" s="56"/>
      <c r="AT487" s="56"/>
      <c r="AU487" s="56"/>
      <c r="AV487" s="56"/>
      <c r="AW487" s="56"/>
      <c r="AX487" s="56"/>
      <c r="AY487" s="56"/>
      <c r="AZ487" s="56"/>
      <c r="BA487" s="56"/>
    </row>
    <row r="488" spans="1:53" ht="15.75" customHeight="1">
      <c r="A488" s="56"/>
      <c r="B488" s="56"/>
      <c r="C488" s="56"/>
      <c r="D488" s="56"/>
      <c r="E488" s="56"/>
      <c r="F488" s="56"/>
      <c r="G488" s="56"/>
      <c r="H488" s="56"/>
      <c r="I488" s="56"/>
      <c r="J488" s="56"/>
      <c r="K488" s="56"/>
      <c r="L488" s="56"/>
      <c r="M488" s="56"/>
      <c r="N488" s="56"/>
      <c r="O488" s="56"/>
      <c r="P488" s="56"/>
      <c r="Q488" s="15"/>
      <c r="R488" s="15"/>
      <c r="S488" s="15"/>
      <c r="T488" s="56"/>
      <c r="U488" s="56"/>
      <c r="V488" s="56"/>
      <c r="W488" s="56"/>
      <c r="X488" s="56"/>
      <c r="Y488" s="56"/>
      <c r="Z488" s="56"/>
      <c r="AA488" s="56"/>
      <c r="AB488" s="56"/>
      <c r="AC488" s="56"/>
      <c r="AD488" s="56"/>
      <c r="AE488" s="56"/>
      <c r="AF488" s="56"/>
      <c r="AG488" s="56"/>
      <c r="AH488" s="56"/>
      <c r="AI488" s="56"/>
      <c r="AJ488" s="56"/>
      <c r="AK488" s="56"/>
      <c r="AL488" s="56"/>
      <c r="AM488" s="56"/>
      <c r="AN488" s="56"/>
      <c r="AO488" s="56"/>
      <c r="AP488" s="56"/>
      <c r="AQ488" s="56"/>
      <c r="AR488" s="56"/>
      <c r="AS488" s="56"/>
      <c r="AT488" s="56"/>
      <c r="AU488" s="56"/>
      <c r="AV488" s="56"/>
      <c r="AW488" s="56"/>
      <c r="AX488" s="56"/>
      <c r="AY488" s="56"/>
      <c r="AZ488" s="56"/>
      <c r="BA488" s="56"/>
    </row>
    <row r="489" spans="1:53" ht="15.75" customHeight="1">
      <c r="A489" s="56"/>
      <c r="B489" s="56"/>
      <c r="C489" s="56"/>
      <c r="D489" s="56"/>
      <c r="E489" s="56"/>
      <c r="F489" s="56"/>
      <c r="G489" s="56"/>
      <c r="H489" s="56"/>
      <c r="I489" s="56"/>
      <c r="J489" s="56"/>
      <c r="K489" s="56"/>
      <c r="L489" s="56"/>
      <c r="M489" s="56"/>
      <c r="N489" s="56"/>
      <c r="O489" s="56"/>
      <c r="P489" s="56"/>
      <c r="Q489" s="15"/>
      <c r="R489" s="15"/>
      <c r="S489" s="15"/>
      <c r="T489" s="56"/>
      <c r="U489" s="56"/>
      <c r="V489" s="56"/>
      <c r="W489" s="56"/>
      <c r="X489" s="56"/>
      <c r="Y489" s="56"/>
      <c r="Z489" s="56"/>
      <c r="AA489" s="56"/>
      <c r="AB489" s="56"/>
      <c r="AC489" s="56"/>
      <c r="AD489" s="56"/>
      <c r="AE489" s="56"/>
      <c r="AF489" s="56"/>
      <c r="AG489" s="56"/>
      <c r="AH489" s="56"/>
      <c r="AI489" s="56"/>
      <c r="AJ489" s="56"/>
      <c r="AK489" s="56"/>
      <c r="AL489" s="56"/>
      <c r="AM489" s="56"/>
      <c r="AN489" s="56"/>
      <c r="AO489" s="56"/>
      <c r="AP489" s="56"/>
      <c r="AQ489" s="56"/>
      <c r="AR489" s="56"/>
      <c r="AS489" s="56"/>
      <c r="AT489" s="56"/>
      <c r="AU489" s="56"/>
      <c r="AV489" s="56"/>
      <c r="AW489" s="56"/>
      <c r="AX489" s="56"/>
      <c r="AY489" s="56"/>
      <c r="AZ489" s="56"/>
      <c r="BA489" s="56"/>
    </row>
    <row r="490" spans="1:53" ht="15.75" customHeight="1">
      <c r="A490" s="56"/>
      <c r="B490" s="56"/>
      <c r="C490" s="56"/>
      <c r="D490" s="56"/>
      <c r="E490" s="56"/>
      <c r="F490" s="56"/>
      <c r="G490" s="56"/>
      <c r="H490" s="56"/>
      <c r="I490" s="56"/>
      <c r="J490" s="56"/>
      <c r="K490" s="56"/>
      <c r="L490" s="56"/>
      <c r="M490" s="56"/>
      <c r="N490" s="56"/>
      <c r="O490" s="56"/>
      <c r="P490" s="56"/>
      <c r="Q490" s="15"/>
      <c r="R490" s="15"/>
      <c r="S490" s="15"/>
      <c r="T490" s="56"/>
      <c r="U490" s="56"/>
      <c r="V490" s="56"/>
      <c r="W490" s="56"/>
      <c r="X490" s="56"/>
      <c r="Y490" s="56"/>
      <c r="Z490" s="56"/>
      <c r="AA490" s="56"/>
      <c r="AB490" s="56"/>
      <c r="AC490" s="56"/>
      <c r="AD490" s="56"/>
      <c r="AE490" s="56"/>
      <c r="AF490" s="56"/>
      <c r="AG490" s="56"/>
      <c r="AH490" s="56"/>
      <c r="AI490" s="56"/>
      <c r="AJ490" s="56"/>
      <c r="AK490" s="56"/>
      <c r="AL490" s="56"/>
      <c r="AM490" s="56"/>
      <c r="AN490" s="56"/>
      <c r="AO490" s="56"/>
      <c r="AP490" s="56"/>
      <c r="AQ490" s="56"/>
      <c r="AR490" s="56"/>
      <c r="AS490" s="56"/>
      <c r="AT490" s="56"/>
      <c r="AU490" s="56"/>
      <c r="AV490" s="56"/>
      <c r="AW490" s="56"/>
      <c r="AX490" s="56"/>
      <c r="AY490" s="56"/>
      <c r="AZ490" s="56"/>
      <c r="BA490" s="56"/>
    </row>
    <row r="491" spans="1:53" ht="15.75" customHeight="1">
      <c r="A491" s="56"/>
      <c r="B491" s="56"/>
      <c r="C491" s="56"/>
      <c r="D491" s="56"/>
      <c r="E491" s="56"/>
      <c r="F491" s="56"/>
      <c r="G491" s="56"/>
      <c r="H491" s="56"/>
      <c r="I491" s="56"/>
      <c r="J491" s="56"/>
      <c r="K491" s="56"/>
      <c r="L491" s="56"/>
      <c r="M491" s="56"/>
      <c r="N491" s="56"/>
      <c r="O491" s="56"/>
      <c r="P491" s="56"/>
      <c r="Q491" s="15"/>
      <c r="R491" s="15"/>
      <c r="S491" s="15"/>
      <c r="T491" s="56"/>
      <c r="U491" s="56"/>
      <c r="V491" s="56"/>
      <c r="W491" s="56"/>
      <c r="X491" s="56"/>
      <c r="Y491" s="56"/>
      <c r="Z491" s="56"/>
      <c r="AA491" s="56"/>
      <c r="AB491" s="56"/>
      <c r="AC491" s="56"/>
      <c r="AD491" s="56"/>
      <c r="AE491" s="56"/>
      <c r="AF491" s="56"/>
      <c r="AG491" s="56"/>
      <c r="AH491" s="56"/>
      <c r="AI491" s="56"/>
      <c r="AJ491" s="56"/>
      <c r="AK491" s="56"/>
      <c r="AL491" s="56"/>
      <c r="AM491" s="56"/>
      <c r="AN491" s="56"/>
      <c r="AO491" s="56"/>
      <c r="AP491" s="56"/>
      <c r="AQ491" s="56"/>
      <c r="AR491" s="56"/>
      <c r="AS491" s="56"/>
      <c r="AT491" s="56"/>
      <c r="AU491" s="56"/>
      <c r="AV491" s="56"/>
      <c r="AW491" s="56"/>
      <c r="AX491" s="56"/>
      <c r="AY491" s="56"/>
      <c r="AZ491" s="56"/>
      <c r="BA491" s="56"/>
    </row>
    <row r="492" spans="1:53" ht="15.75" customHeight="1">
      <c r="A492" s="56"/>
      <c r="B492" s="56"/>
      <c r="C492" s="56"/>
      <c r="D492" s="56"/>
      <c r="E492" s="56"/>
      <c r="F492" s="56"/>
      <c r="G492" s="56"/>
      <c r="H492" s="56"/>
      <c r="I492" s="56"/>
      <c r="J492" s="56"/>
      <c r="K492" s="56"/>
      <c r="L492" s="56"/>
      <c r="M492" s="56"/>
      <c r="N492" s="56"/>
      <c r="O492" s="56"/>
      <c r="P492" s="56"/>
      <c r="Q492" s="15"/>
      <c r="R492" s="15"/>
      <c r="S492" s="15"/>
      <c r="T492" s="56"/>
      <c r="U492" s="56"/>
      <c r="V492" s="56"/>
      <c r="W492" s="56"/>
      <c r="X492" s="56"/>
      <c r="Y492" s="56"/>
      <c r="Z492" s="56"/>
      <c r="AA492" s="56"/>
      <c r="AB492" s="56"/>
      <c r="AC492" s="56"/>
      <c r="AD492" s="56"/>
      <c r="AE492" s="56"/>
      <c r="AF492" s="56"/>
      <c r="AG492" s="56"/>
      <c r="AH492" s="56"/>
      <c r="AI492" s="56"/>
      <c r="AJ492" s="56"/>
      <c r="AK492" s="56"/>
      <c r="AL492" s="56"/>
      <c r="AM492" s="56"/>
      <c r="AN492" s="56"/>
      <c r="AO492" s="56"/>
      <c r="AP492" s="56"/>
      <c r="AQ492" s="56"/>
      <c r="AR492" s="56"/>
      <c r="AS492" s="56"/>
      <c r="AT492" s="56"/>
      <c r="AU492" s="56"/>
      <c r="AV492" s="56"/>
      <c r="AW492" s="56"/>
      <c r="AX492" s="56"/>
      <c r="AY492" s="56"/>
      <c r="AZ492" s="56"/>
      <c r="BA492" s="56"/>
    </row>
    <row r="493" spans="1:53" ht="15.75" customHeight="1">
      <c r="A493" s="56"/>
      <c r="B493" s="56"/>
      <c r="C493" s="56"/>
      <c r="D493" s="56"/>
      <c r="E493" s="56"/>
      <c r="F493" s="56"/>
      <c r="G493" s="56"/>
      <c r="H493" s="56"/>
      <c r="I493" s="56"/>
      <c r="J493" s="56"/>
      <c r="K493" s="56"/>
      <c r="L493" s="56"/>
      <c r="M493" s="56"/>
      <c r="N493" s="56"/>
      <c r="O493" s="56"/>
      <c r="P493" s="56"/>
      <c r="Q493" s="15"/>
      <c r="R493" s="15"/>
      <c r="S493" s="15"/>
      <c r="T493" s="56"/>
      <c r="U493" s="56"/>
      <c r="V493" s="56"/>
      <c r="W493" s="56"/>
      <c r="X493" s="56"/>
      <c r="Y493" s="56"/>
      <c r="Z493" s="56"/>
      <c r="AA493" s="56"/>
      <c r="AB493" s="56"/>
      <c r="AC493" s="56"/>
      <c r="AD493" s="56"/>
      <c r="AE493" s="56"/>
      <c r="AF493" s="56"/>
      <c r="AG493" s="56"/>
      <c r="AH493" s="56"/>
      <c r="AI493" s="56"/>
      <c r="AJ493" s="56"/>
      <c r="AK493" s="56"/>
      <c r="AL493" s="56"/>
      <c r="AM493" s="56"/>
      <c r="AN493" s="56"/>
      <c r="AO493" s="56"/>
      <c r="AP493" s="56"/>
      <c r="AQ493" s="56"/>
      <c r="AR493" s="56"/>
      <c r="AS493" s="56"/>
      <c r="AT493" s="56"/>
      <c r="AU493" s="56"/>
      <c r="AV493" s="56"/>
      <c r="AW493" s="56"/>
      <c r="AX493" s="56"/>
      <c r="AY493" s="56"/>
      <c r="AZ493" s="56"/>
      <c r="BA493" s="56"/>
    </row>
    <row r="494" spans="1:53" ht="15.75" customHeight="1">
      <c r="A494" s="56"/>
      <c r="B494" s="56"/>
      <c r="C494" s="56"/>
      <c r="D494" s="56"/>
      <c r="E494" s="56"/>
      <c r="F494" s="56"/>
      <c r="G494" s="56"/>
      <c r="H494" s="56"/>
      <c r="I494" s="56"/>
      <c r="J494" s="56"/>
      <c r="K494" s="56"/>
      <c r="L494" s="56"/>
      <c r="M494" s="56"/>
      <c r="N494" s="56"/>
      <c r="O494" s="56"/>
      <c r="P494" s="56"/>
      <c r="Q494" s="15"/>
      <c r="R494" s="15"/>
      <c r="S494" s="15"/>
      <c r="T494" s="56"/>
      <c r="U494" s="56"/>
      <c r="V494" s="56"/>
      <c r="W494" s="56"/>
      <c r="X494" s="56"/>
      <c r="Y494" s="56"/>
      <c r="Z494" s="56"/>
      <c r="AA494" s="56"/>
      <c r="AB494" s="56"/>
      <c r="AC494" s="56"/>
      <c r="AD494" s="56"/>
      <c r="AE494" s="56"/>
      <c r="AF494" s="56"/>
      <c r="AG494" s="56"/>
      <c r="AH494" s="56"/>
      <c r="AI494" s="56"/>
      <c r="AJ494" s="56"/>
      <c r="AK494" s="56"/>
      <c r="AL494" s="56"/>
      <c r="AM494" s="56"/>
      <c r="AN494" s="56"/>
      <c r="AO494" s="56"/>
      <c r="AP494" s="56"/>
      <c r="AQ494" s="56"/>
      <c r="AR494" s="56"/>
      <c r="AS494" s="56"/>
      <c r="AT494" s="56"/>
      <c r="AU494" s="56"/>
      <c r="AV494" s="56"/>
      <c r="AW494" s="56"/>
      <c r="AX494" s="56"/>
      <c r="AY494" s="56"/>
      <c r="AZ494" s="56"/>
      <c r="BA494" s="56"/>
    </row>
    <row r="495" spans="1:53" ht="15.75" customHeight="1">
      <c r="A495" s="56"/>
      <c r="B495" s="56"/>
      <c r="C495" s="56"/>
      <c r="D495" s="56"/>
      <c r="E495" s="56"/>
      <c r="F495" s="56"/>
      <c r="G495" s="56"/>
      <c r="H495" s="56"/>
      <c r="I495" s="56"/>
      <c r="J495" s="56"/>
      <c r="K495" s="56"/>
      <c r="L495" s="56"/>
      <c r="M495" s="56"/>
      <c r="N495" s="56"/>
      <c r="O495" s="56"/>
      <c r="P495" s="56"/>
      <c r="Q495" s="15"/>
      <c r="R495" s="15"/>
      <c r="S495" s="15"/>
      <c r="T495" s="56"/>
      <c r="U495" s="56"/>
      <c r="V495" s="56"/>
      <c r="W495" s="56"/>
      <c r="X495" s="56"/>
      <c r="Y495" s="56"/>
      <c r="Z495" s="56"/>
      <c r="AA495" s="56"/>
      <c r="AB495" s="56"/>
      <c r="AC495" s="56"/>
      <c r="AD495" s="56"/>
      <c r="AE495" s="56"/>
      <c r="AF495" s="56"/>
      <c r="AG495" s="56"/>
      <c r="AH495" s="56"/>
      <c r="AI495" s="56"/>
      <c r="AJ495" s="56"/>
      <c r="AK495" s="56"/>
      <c r="AL495" s="56"/>
      <c r="AM495" s="56"/>
      <c r="AN495" s="56"/>
      <c r="AO495" s="56"/>
      <c r="AP495" s="56"/>
      <c r="AQ495" s="56"/>
      <c r="AR495" s="56"/>
      <c r="AS495" s="56"/>
      <c r="AT495" s="56"/>
      <c r="AU495" s="56"/>
      <c r="AV495" s="56"/>
      <c r="AW495" s="56"/>
      <c r="AX495" s="56"/>
      <c r="AY495" s="56"/>
      <c r="AZ495" s="56"/>
      <c r="BA495" s="56"/>
    </row>
    <row r="496" spans="1:53" ht="15.75" customHeight="1">
      <c r="A496" s="56"/>
      <c r="B496" s="56"/>
      <c r="C496" s="56"/>
      <c r="D496" s="56"/>
      <c r="E496" s="56"/>
      <c r="F496" s="56"/>
      <c r="G496" s="56"/>
      <c r="H496" s="56"/>
      <c r="I496" s="56"/>
      <c r="J496" s="56"/>
      <c r="K496" s="56"/>
      <c r="L496" s="56"/>
      <c r="M496" s="56"/>
      <c r="N496" s="56"/>
      <c r="O496" s="56"/>
      <c r="P496" s="56"/>
      <c r="Q496" s="15"/>
      <c r="R496" s="15"/>
      <c r="S496" s="15"/>
      <c r="T496" s="56"/>
      <c r="U496" s="56"/>
      <c r="V496" s="56"/>
      <c r="W496" s="56"/>
      <c r="X496" s="56"/>
      <c r="Y496" s="56"/>
      <c r="Z496" s="56"/>
      <c r="AA496" s="56"/>
      <c r="AB496" s="56"/>
      <c r="AC496" s="56"/>
      <c r="AD496" s="56"/>
      <c r="AE496" s="56"/>
      <c r="AF496" s="56"/>
      <c r="AG496" s="56"/>
      <c r="AH496" s="56"/>
      <c r="AI496" s="56"/>
      <c r="AJ496" s="56"/>
      <c r="AK496" s="56"/>
      <c r="AL496" s="56"/>
      <c r="AM496" s="56"/>
      <c r="AN496" s="56"/>
      <c r="AO496" s="56"/>
      <c r="AP496" s="56"/>
      <c r="AQ496" s="56"/>
      <c r="AR496" s="56"/>
      <c r="AS496" s="56"/>
      <c r="AT496" s="56"/>
      <c r="AU496" s="56"/>
      <c r="AV496" s="56"/>
      <c r="AW496" s="56"/>
      <c r="AX496" s="56"/>
      <c r="AY496" s="56"/>
      <c r="AZ496" s="56"/>
      <c r="BA496" s="56"/>
    </row>
    <row r="497" spans="1:53" ht="15.75" customHeight="1">
      <c r="A497" s="56"/>
      <c r="B497" s="56"/>
      <c r="C497" s="56"/>
      <c r="D497" s="56"/>
      <c r="E497" s="56"/>
      <c r="F497" s="56"/>
      <c r="G497" s="56"/>
      <c r="H497" s="56"/>
      <c r="I497" s="56"/>
      <c r="J497" s="56"/>
      <c r="K497" s="56"/>
      <c r="L497" s="56"/>
      <c r="M497" s="56"/>
      <c r="N497" s="56"/>
      <c r="O497" s="56"/>
      <c r="P497" s="56"/>
      <c r="Q497" s="15"/>
      <c r="R497" s="15"/>
      <c r="S497" s="15"/>
      <c r="T497" s="56"/>
      <c r="U497" s="56"/>
      <c r="V497" s="56"/>
      <c r="W497" s="56"/>
      <c r="X497" s="56"/>
      <c r="Y497" s="56"/>
      <c r="Z497" s="56"/>
      <c r="AA497" s="56"/>
      <c r="AB497" s="56"/>
      <c r="AC497" s="56"/>
      <c r="AD497" s="56"/>
      <c r="AE497" s="56"/>
      <c r="AF497" s="56"/>
      <c r="AG497" s="56"/>
      <c r="AH497" s="56"/>
      <c r="AI497" s="56"/>
      <c r="AJ497" s="56"/>
      <c r="AK497" s="56"/>
      <c r="AL497" s="56"/>
      <c r="AM497" s="56"/>
      <c r="AN497" s="56"/>
      <c r="AO497" s="56"/>
      <c r="AP497" s="56"/>
      <c r="AQ497" s="56"/>
      <c r="AR497" s="56"/>
      <c r="AS497" s="56"/>
      <c r="AT497" s="56"/>
      <c r="AU497" s="56"/>
      <c r="AV497" s="56"/>
      <c r="AW497" s="56"/>
      <c r="AX497" s="56"/>
      <c r="AY497" s="56"/>
      <c r="AZ497" s="56"/>
      <c r="BA497" s="56"/>
    </row>
    <row r="498" spans="1:53" ht="15.75" customHeight="1">
      <c r="A498" s="56"/>
      <c r="B498" s="56"/>
      <c r="C498" s="56"/>
      <c r="D498" s="56"/>
      <c r="E498" s="56"/>
      <c r="F498" s="56"/>
      <c r="G498" s="56"/>
      <c r="H498" s="56"/>
      <c r="I498" s="56"/>
      <c r="J498" s="56"/>
      <c r="K498" s="56"/>
      <c r="L498" s="56"/>
      <c r="M498" s="56"/>
      <c r="N498" s="56"/>
      <c r="O498" s="56"/>
      <c r="P498" s="56"/>
      <c r="Q498" s="15"/>
      <c r="R498" s="15"/>
      <c r="S498" s="15"/>
      <c r="T498" s="56"/>
      <c r="U498" s="56"/>
      <c r="V498" s="56"/>
      <c r="W498" s="56"/>
      <c r="X498" s="56"/>
      <c r="Y498" s="56"/>
      <c r="Z498" s="56"/>
      <c r="AA498" s="56"/>
      <c r="AB498" s="56"/>
      <c r="AC498" s="56"/>
      <c r="AD498" s="56"/>
      <c r="AE498" s="56"/>
      <c r="AF498" s="56"/>
      <c r="AG498" s="56"/>
      <c r="AH498" s="56"/>
      <c r="AI498" s="56"/>
      <c r="AJ498" s="56"/>
      <c r="AK498" s="56"/>
      <c r="AL498" s="56"/>
      <c r="AM498" s="56"/>
      <c r="AN498" s="56"/>
      <c r="AO498" s="56"/>
      <c r="AP498" s="56"/>
      <c r="AQ498" s="56"/>
      <c r="AR498" s="56"/>
      <c r="AS498" s="56"/>
      <c r="AT498" s="56"/>
      <c r="AU498" s="56"/>
      <c r="AV498" s="56"/>
      <c r="AW498" s="56"/>
      <c r="AX498" s="56"/>
      <c r="AY498" s="56"/>
      <c r="AZ498" s="56"/>
      <c r="BA498" s="56"/>
    </row>
    <row r="499" spans="1:53" ht="15.75" customHeight="1">
      <c r="A499" s="56"/>
      <c r="B499" s="56"/>
      <c r="C499" s="56"/>
      <c r="D499" s="56"/>
      <c r="E499" s="56"/>
      <c r="F499" s="56"/>
      <c r="G499" s="56"/>
      <c r="H499" s="56"/>
      <c r="I499" s="56"/>
      <c r="J499" s="56"/>
      <c r="K499" s="56"/>
      <c r="L499" s="56"/>
      <c r="M499" s="56"/>
      <c r="N499" s="56"/>
      <c r="O499" s="56"/>
      <c r="P499" s="56"/>
      <c r="Q499" s="15"/>
      <c r="R499" s="15"/>
      <c r="S499" s="15"/>
      <c r="T499" s="56"/>
      <c r="U499" s="56"/>
      <c r="V499" s="56"/>
      <c r="W499" s="56"/>
      <c r="X499" s="56"/>
      <c r="Y499" s="56"/>
      <c r="Z499" s="56"/>
      <c r="AA499" s="56"/>
      <c r="AB499" s="56"/>
      <c r="AC499" s="56"/>
      <c r="AD499" s="56"/>
      <c r="AE499" s="56"/>
      <c r="AF499" s="56"/>
      <c r="AG499" s="56"/>
      <c r="AH499" s="56"/>
      <c r="AI499" s="56"/>
      <c r="AJ499" s="56"/>
      <c r="AK499" s="56"/>
      <c r="AL499" s="56"/>
      <c r="AM499" s="56"/>
      <c r="AN499" s="56"/>
      <c r="AO499" s="56"/>
      <c r="AP499" s="56"/>
      <c r="AQ499" s="56"/>
      <c r="AR499" s="56"/>
      <c r="AS499" s="56"/>
      <c r="AT499" s="56"/>
      <c r="AU499" s="56"/>
      <c r="AV499" s="56"/>
      <c r="AW499" s="56"/>
      <c r="AX499" s="56"/>
      <c r="AY499" s="56"/>
      <c r="AZ499" s="56"/>
      <c r="BA499" s="56"/>
    </row>
    <row r="500" spans="1:53" ht="15.75" customHeight="1">
      <c r="A500" s="56"/>
      <c r="B500" s="56"/>
      <c r="C500" s="56"/>
      <c r="D500" s="56"/>
      <c r="E500" s="56"/>
      <c r="F500" s="56"/>
      <c r="G500" s="56"/>
      <c r="H500" s="56"/>
      <c r="I500" s="56"/>
      <c r="J500" s="56"/>
      <c r="K500" s="56"/>
      <c r="L500" s="56"/>
      <c r="M500" s="56"/>
      <c r="N500" s="56"/>
      <c r="O500" s="56"/>
      <c r="P500" s="56"/>
      <c r="Q500" s="15"/>
      <c r="R500" s="15"/>
      <c r="S500" s="15"/>
      <c r="T500" s="56"/>
      <c r="U500" s="56"/>
      <c r="V500" s="56"/>
      <c r="W500" s="56"/>
      <c r="X500" s="56"/>
      <c r="Y500" s="56"/>
      <c r="Z500" s="56"/>
      <c r="AA500" s="56"/>
      <c r="AB500" s="56"/>
      <c r="AC500" s="56"/>
      <c r="AD500" s="56"/>
      <c r="AE500" s="56"/>
      <c r="AF500" s="56"/>
      <c r="AG500" s="56"/>
      <c r="AH500" s="56"/>
      <c r="AI500" s="56"/>
      <c r="AJ500" s="56"/>
      <c r="AK500" s="56"/>
      <c r="AL500" s="56"/>
      <c r="AM500" s="56"/>
      <c r="AN500" s="56"/>
      <c r="AO500" s="56"/>
      <c r="AP500" s="56"/>
      <c r="AQ500" s="56"/>
      <c r="AR500" s="56"/>
      <c r="AS500" s="56"/>
      <c r="AT500" s="56"/>
      <c r="AU500" s="56"/>
      <c r="AV500" s="56"/>
      <c r="AW500" s="56"/>
      <c r="AX500" s="56"/>
      <c r="AY500" s="56"/>
      <c r="AZ500" s="56"/>
      <c r="BA500" s="56"/>
    </row>
    <row r="501" spans="1:53" ht="15.75" customHeight="1">
      <c r="A501" s="56"/>
      <c r="B501" s="56"/>
      <c r="C501" s="56"/>
      <c r="D501" s="56"/>
      <c r="E501" s="56"/>
      <c r="F501" s="56"/>
      <c r="G501" s="56"/>
      <c r="H501" s="56"/>
      <c r="I501" s="56"/>
      <c r="J501" s="56"/>
      <c r="K501" s="56"/>
      <c r="L501" s="56"/>
      <c r="M501" s="56"/>
      <c r="N501" s="56"/>
      <c r="O501" s="56"/>
      <c r="P501" s="56"/>
      <c r="Q501" s="15"/>
      <c r="R501" s="15"/>
      <c r="S501" s="15"/>
      <c r="T501" s="56"/>
      <c r="U501" s="56"/>
      <c r="V501" s="56"/>
      <c r="W501" s="56"/>
      <c r="X501" s="56"/>
      <c r="Y501" s="56"/>
      <c r="Z501" s="56"/>
      <c r="AA501" s="56"/>
      <c r="AB501" s="56"/>
      <c r="AC501" s="56"/>
      <c r="AD501" s="56"/>
      <c r="AE501" s="56"/>
      <c r="AF501" s="56"/>
      <c r="AG501" s="56"/>
      <c r="AH501" s="56"/>
      <c r="AI501" s="56"/>
      <c r="AJ501" s="56"/>
      <c r="AK501" s="56"/>
      <c r="AL501" s="56"/>
      <c r="AM501" s="56"/>
      <c r="AN501" s="56"/>
      <c r="AO501" s="56"/>
      <c r="AP501" s="56"/>
      <c r="AQ501" s="56"/>
      <c r="AR501" s="56"/>
      <c r="AS501" s="56"/>
      <c r="AT501" s="56"/>
      <c r="AU501" s="56"/>
      <c r="AV501" s="56"/>
      <c r="AW501" s="56"/>
      <c r="AX501" s="56"/>
      <c r="AY501" s="56"/>
      <c r="AZ501" s="56"/>
      <c r="BA501" s="56"/>
    </row>
    <row r="502" spans="1:53" ht="15.75" customHeight="1">
      <c r="A502" s="56"/>
      <c r="B502" s="56"/>
      <c r="C502" s="56"/>
      <c r="D502" s="56"/>
      <c r="E502" s="56"/>
      <c r="F502" s="56"/>
      <c r="G502" s="56"/>
      <c r="H502" s="56"/>
      <c r="I502" s="56"/>
      <c r="J502" s="56"/>
      <c r="K502" s="56"/>
      <c r="L502" s="56"/>
      <c r="M502" s="56"/>
      <c r="N502" s="56"/>
      <c r="O502" s="56"/>
      <c r="P502" s="56"/>
      <c r="Q502" s="15"/>
      <c r="R502" s="15"/>
      <c r="S502" s="15"/>
      <c r="T502" s="56"/>
      <c r="U502" s="56"/>
      <c r="V502" s="56"/>
      <c r="W502" s="56"/>
      <c r="X502" s="56"/>
      <c r="Y502" s="56"/>
      <c r="Z502" s="56"/>
      <c r="AA502" s="56"/>
      <c r="AB502" s="56"/>
      <c r="AC502" s="56"/>
      <c r="AD502" s="56"/>
      <c r="AE502" s="56"/>
      <c r="AF502" s="56"/>
      <c r="AG502" s="56"/>
      <c r="AH502" s="56"/>
      <c r="AI502" s="56"/>
      <c r="AJ502" s="56"/>
      <c r="AK502" s="56"/>
      <c r="AL502" s="56"/>
      <c r="AM502" s="56"/>
      <c r="AN502" s="56"/>
      <c r="AO502" s="56"/>
      <c r="AP502" s="56"/>
      <c r="AQ502" s="56"/>
      <c r="AR502" s="56"/>
      <c r="AS502" s="56"/>
      <c r="AT502" s="56"/>
      <c r="AU502" s="56"/>
      <c r="AV502" s="56"/>
      <c r="AW502" s="56"/>
      <c r="AX502" s="56"/>
      <c r="AY502" s="56"/>
      <c r="AZ502" s="56"/>
      <c r="BA502" s="56"/>
    </row>
    <row r="503" spans="1:53" ht="15.75" customHeight="1">
      <c r="A503" s="56"/>
      <c r="B503" s="56"/>
      <c r="C503" s="56"/>
      <c r="D503" s="56"/>
      <c r="E503" s="56"/>
      <c r="F503" s="56"/>
      <c r="G503" s="56"/>
      <c r="H503" s="56"/>
      <c r="I503" s="56"/>
      <c r="J503" s="56"/>
      <c r="K503" s="56"/>
      <c r="L503" s="56"/>
      <c r="M503" s="56"/>
      <c r="N503" s="56"/>
      <c r="O503" s="56"/>
      <c r="P503" s="56"/>
      <c r="Q503" s="15"/>
      <c r="R503" s="15"/>
      <c r="S503" s="15"/>
      <c r="T503" s="56"/>
      <c r="U503" s="56"/>
      <c r="V503" s="56"/>
      <c r="W503" s="56"/>
      <c r="X503" s="56"/>
      <c r="Y503" s="56"/>
      <c r="Z503" s="56"/>
      <c r="AA503" s="56"/>
      <c r="AB503" s="56"/>
      <c r="AC503" s="56"/>
      <c r="AD503" s="56"/>
      <c r="AE503" s="56"/>
      <c r="AF503" s="56"/>
      <c r="AG503" s="56"/>
      <c r="AH503" s="56"/>
      <c r="AI503" s="56"/>
      <c r="AJ503" s="56"/>
      <c r="AK503" s="56"/>
      <c r="AL503" s="56"/>
      <c r="AM503" s="56"/>
      <c r="AN503" s="56"/>
      <c r="AO503" s="56"/>
      <c r="AP503" s="56"/>
      <c r="AQ503" s="56"/>
      <c r="AR503" s="56"/>
      <c r="AS503" s="56"/>
      <c r="AT503" s="56"/>
      <c r="AU503" s="56"/>
      <c r="AV503" s="56"/>
      <c r="AW503" s="56"/>
      <c r="AX503" s="56"/>
      <c r="AY503" s="56"/>
      <c r="AZ503" s="56"/>
      <c r="BA503" s="56"/>
    </row>
    <row r="504" spans="1:53" ht="15.75" customHeight="1">
      <c r="A504" s="56"/>
      <c r="B504" s="56"/>
      <c r="C504" s="56"/>
      <c r="D504" s="56"/>
      <c r="E504" s="56"/>
      <c r="F504" s="56"/>
      <c r="G504" s="56"/>
      <c r="H504" s="56"/>
      <c r="I504" s="56"/>
      <c r="J504" s="56"/>
      <c r="K504" s="56"/>
      <c r="L504" s="56"/>
      <c r="M504" s="56"/>
      <c r="N504" s="56"/>
      <c r="O504" s="56"/>
      <c r="P504" s="56"/>
      <c r="Q504" s="15"/>
      <c r="R504" s="15"/>
      <c r="S504" s="15"/>
      <c r="T504" s="56"/>
      <c r="U504" s="56"/>
      <c r="V504" s="56"/>
      <c r="W504" s="56"/>
      <c r="X504" s="56"/>
      <c r="Y504" s="56"/>
      <c r="Z504" s="56"/>
      <c r="AA504" s="56"/>
      <c r="AB504" s="56"/>
      <c r="AC504" s="56"/>
      <c r="AD504" s="56"/>
      <c r="AE504" s="56"/>
      <c r="AF504" s="56"/>
      <c r="AG504" s="56"/>
      <c r="AH504" s="56"/>
      <c r="AI504" s="56"/>
      <c r="AJ504" s="56"/>
      <c r="AK504" s="56"/>
      <c r="AL504" s="56"/>
      <c r="AM504" s="56"/>
      <c r="AN504" s="56"/>
      <c r="AO504" s="56"/>
      <c r="AP504" s="56"/>
      <c r="AQ504" s="56"/>
      <c r="AR504" s="56"/>
      <c r="AS504" s="56"/>
      <c r="AT504" s="56"/>
      <c r="AU504" s="56"/>
      <c r="AV504" s="56"/>
      <c r="AW504" s="56"/>
      <c r="AX504" s="56"/>
      <c r="AY504" s="56"/>
      <c r="AZ504" s="56"/>
      <c r="BA504" s="56"/>
    </row>
    <row r="505" spans="1:53" ht="15.75" customHeight="1">
      <c r="A505" s="56"/>
      <c r="B505" s="56"/>
      <c r="C505" s="56"/>
      <c r="D505" s="56"/>
      <c r="E505" s="56"/>
      <c r="F505" s="56"/>
      <c r="G505" s="56"/>
      <c r="H505" s="56"/>
      <c r="I505" s="56"/>
      <c r="J505" s="56"/>
      <c r="K505" s="56"/>
      <c r="L505" s="56"/>
      <c r="M505" s="56"/>
      <c r="N505" s="56"/>
      <c r="O505" s="56"/>
      <c r="P505" s="56"/>
      <c r="Q505" s="15"/>
      <c r="R505" s="15"/>
      <c r="S505" s="15"/>
      <c r="T505" s="56"/>
      <c r="U505" s="56"/>
      <c r="V505" s="56"/>
      <c r="W505" s="56"/>
      <c r="X505" s="56"/>
      <c r="Y505" s="56"/>
      <c r="Z505" s="56"/>
      <c r="AA505" s="56"/>
      <c r="AB505" s="56"/>
      <c r="AC505" s="56"/>
      <c r="AD505" s="56"/>
      <c r="AE505" s="56"/>
      <c r="AF505" s="56"/>
      <c r="AG505" s="56"/>
      <c r="AH505" s="56"/>
      <c r="AI505" s="56"/>
      <c r="AJ505" s="56"/>
      <c r="AK505" s="56"/>
      <c r="AL505" s="56"/>
      <c r="AM505" s="56"/>
      <c r="AN505" s="56"/>
      <c r="AO505" s="56"/>
      <c r="AP505" s="56"/>
      <c r="AQ505" s="56"/>
      <c r="AR505" s="56"/>
      <c r="AS505" s="56"/>
      <c r="AT505" s="56"/>
      <c r="AU505" s="56"/>
      <c r="AV505" s="56"/>
      <c r="AW505" s="56"/>
      <c r="AX505" s="56"/>
      <c r="AY505" s="56"/>
      <c r="AZ505" s="56"/>
      <c r="BA505" s="56"/>
    </row>
    <row r="506" spans="1:53" ht="15.75" customHeight="1">
      <c r="A506" s="56"/>
      <c r="B506" s="56"/>
      <c r="C506" s="56"/>
      <c r="D506" s="56"/>
      <c r="E506" s="56"/>
      <c r="F506" s="56"/>
      <c r="G506" s="56"/>
      <c r="H506" s="56"/>
      <c r="I506" s="56"/>
      <c r="J506" s="56"/>
      <c r="K506" s="56"/>
      <c r="L506" s="56"/>
      <c r="M506" s="56"/>
      <c r="N506" s="56"/>
      <c r="O506" s="56"/>
      <c r="P506" s="56"/>
      <c r="Q506" s="15"/>
      <c r="R506" s="15"/>
      <c r="S506" s="15"/>
      <c r="T506" s="56"/>
      <c r="U506" s="56"/>
      <c r="V506" s="56"/>
      <c r="W506" s="56"/>
      <c r="X506" s="56"/>
      <c r="Y506" s="56"/>
      <c r="Z506" s="56"/>
      <c r="AA506" s="56"/>
      <c r="AB506" s="56"/>
      <c r="AC506" s="56"/>
      <c r="AD506" s="56"/>
      <c r="AE506" s="56"/>
      <c r="AF506" s="56"/>
      <c r="AG506" s="56"/>
      <c r="AH506" s="56"/>
      <c r="AI506" s="56"/>
      <c r="AJ506" s="56"/>
      <c r="AK506" s="56"/>
      <c r="AL506" s="56"/>
      <c r="AM506" s="56"/>
      <c r="AN506" s="56"/>
      <c r="AO506" s="56"/>
      <c r="AP506" s="56"/>
      <c r="AQ506" s="56"/>
      <c r="AR506" s="56"/>
      <c r="AS506" s="56"/>
      <c r="AT506" s="56"/>
      <c r="AU506" s="56"/>
      <c r="AV506" s="56"/>
      <c r="AW506" s="56"/>
      <c r="AX506" s="56"/>
      <c r="AY506" s="56"/>
      <c r="AZ506" s="56"/>
      <c r="BA506" s="56"/>
    </row>
    <row r="507" spans="1:53" ht="15.75" customHeight="1">
      <c r="A507" s="56"/>
      <c r="B507" s="56"/>
      <c r="C507" s="56"/>
      <c r="D507" s="56"/>
      <c r="E507" s="56"/>
      <c r="F507" s="56"/>
      <c r="G507" s="56"/>
      <c r="H507" s="56"/>
      <c r="I507" s="56"/>
      <c r="J507" s="56"/>
      <c r="K507" s="56"/>
      <c r="L507" s="56"/>
      <c r="M507" s="56"/>
      <c r="N507" s="56"/>
      <c r="O507" s="56"/>
      <c r="P507" s="56"/>
      <c r="Q507" s="15"/>
      <c r="R507" s="15"/>
      <c r="S507" s="15"/>
      <c r="T507" s="56"/>
      <c r="U507" s="56"/>
      <c r="V507" s="56"/>
      <c r="W507" s="56"/>
      <c r="X507" s="56"/>
      <c r="Y507" s="56"/>
      <c r="Z507" s="56"/>
      <c r="AA507" s="56"/>
      <c r="AB507" s="56"/>
      <c r="AC507" s="56"/>
      <c r="AD507" s="56"/>
      <c r="AE507" s="56"/>
      <c r="AF507" s="56"/>
      <c r="AG507" s="56"/>
      <c r="AH507" s="56"/>
      <c r="AI507" s="56"/>
      <c r="AJ507" s="56"/>
      <c r="AK507" s="56"/>
      <c r="AL507" s="56"/>
      <c r="AM507" s="56"/>
      <c r="AN507" s="56"/>
      <c r="AO507" s="56"/>
      <c r="AP507" s="56"/>
      <c r="AQ507" s="56"/>
      <c r="AR507" s="56"/>
      <c r="AS507" s="56"/>
      <c r="AT507" s="56"/>
      <c r="AU507" s="56"/>
      <c r="AV507" s="56"/>
      <c r="AW507" s="56"/>
      <c r="AX507" s="56"/>
      <c r="AY507" s="56"/>
      <c r="AZ507" s="56"/>
      <c r="BA507" s="56"/>
    </row>
    <row r="508" spans="1:53" ht="15.75" customHeight="1">
      <c r="A508" s="56"/>
      <c r="B508" s="56"/>
      <c r="C508" s="56"/>
      <c r="D508" s="56"/>
      <c r="E508" s="56"/>
      <c r="F508" s="56"/>
      <c r="G508" s="56"/>
      <c r="H508" s="56"/>
      <c r="I508" s="56"/>
      <c r="J508" s="56"/>
      <c r="K508" s="56"/>
      <c r="L508" s="56"/>
      <c r="M508" s="56"/>
      <c r="N508" s="56"/>
      <c r="O508" s="56"/>
      <c r="P508" s="56"/>
      <c r="Q508" s="15"/>
      <c r="R508" s="15"/>
      <c r="S508" s="15"/>
      <c r="T508" s="56"/>
      <c r="U508" s="56"/>
      <c r="V508" s="56"/>
      <c r="W508" s="56"/>
      <c r="X508" s="56"/>
      <c r="Y508" s="56"/>
      <c r="Z508" s="56"/>
      <c r="AA508" s="56"/>
      <c r="AB508" s="56"/>
      <c r="AC508" s="56"/>
      <c r="AD508" s="56"/>
      <c r="AE508" s="56"/>
      <c r="AF508" s="56"/>
      <c r="AG508" s="56"/>
      <c r="AH508" s="56"/>
      <c r="AI508" s="56"/>
      <c r="AJ508" s="56"/>
      <c r="AK508" s="56"/>
      <c r="AL508" s="56"/>
      <c r="AM508" s="56"/>
      <c r="AN508" s="56"/>
      <c r="AO508" s="56"/>
      <c r="AP508" s="56"/>
      <c r="AQ508" s="56"/>
      <c r="AR508" s="56"/>
      <c r="AS508" s="56"/>
      <c r="AT508" s="56"/>
      <c r="AU508" s="56"/>
      <c r="AV508" s="56"/>
      <c r="AW508" s="56"/>
      <c r="AX508" s="56"/>
      <c r="AY508" s="56"/>
      <c r="AZ508" s="56"/>
      <c r="BA508" s="56"/>
    </row>
    <row r="509" spans="1:53" ht="15.75" customHeight="1">
      <c r="A509" s="56"/>
      <c r="B509" s="56"/>
      <c r="C509" s="56"/>
      <c r="D509" s="56"/>
      <c r="E509" s="56"/>
      <c r="F509" s="56"/>
      <c r="G509" s="56"/>
      <c r="H509" s="56"/>
      <c r="I509" s="56"/>
      <c r="J509" s="56"/>
      <c r="K509" s="56"/>
      <c r="L509" s="56"/>
      <c r="M509" s="56"/>
      <c r="N509" s="56"/>
      <c r="O509" s="56"/>
      <c r="P509" s="56"/>
      <c r="Q509" s="15"/>
      <c r="R509" s="15"/>
      <c r="S509" s="15"/>
      <c r="T509" s="56"/>
      <c r="U509" s="56"/>
      <c r="V509" s="56"/>
      <c r="W509" s="56"/>
      <c r="X509" s="56"/>
      <c r="Y509" s="56"/>
      <c r="Z509" s="56"/>
      <c r="AA509" s="56"/>
      <c r="AB509" s="56"/>
      <c r="AC509" s="56"/>
      <c r="AD509" s="56"/>
      <c r="AE509" s="56"/>
      <c r="AF509" s="56"/>
      <c r="AG509" s="56"/>
      <c r="AH509" s="56"/>
      <c r="AI509" s="56"/>
      <c r="AJ509" s="56"/>
      <c r="AK509" s="56"/>
      <c r="AL509" s="56"/>
      <c r="AM509" s="56"/>
      <c r="AN509" s="56"/>
      <c r="AO509" s="56"/>
      <c r="AP509" s="56"/>
      <c r="AQ509" s="56"/>
      <c r="AR509" s="56"/>
      <c r="AS509" s="56"/>
      <c r="AT509" s="56"/>
      <c r="AU509" s="56"/>
      <c r="AV509" s="56"/>
      <c r="AW509" s="56"/>
      <c r="AX509" s="56"/>
      <c r="AY509" s="56"/>
      <c r="AZ509" s="56"/>
      <c r="BA509" s="56"/>
    </row>
    <row r="510" spans="1:53" ht="15.75" customHeight="1">
      <c r="A510" s="56"/>
      <c r="B510" s="56"/>
      <c r="C510" s="56"/>
      <c r="D510" s="56"/>
      <c r="E510" s="56"/>
      <c r="F510" s="56"/>
      <c r="G510" s="56"/>
      <c r="H510" s="56"/>
      <c r="I510" s="56"/>
      <c r="J510" s="56"/>
      <c r="K510" s="56"/>
      <c r="L510" s="56"/>
      <c r="M510" s="56"/>
      <c r="N510" s="56"/>
      <c r="O510" s="56"/>
      <c r="P510" s="56"/>
      <c r="Q510" s="15"/>
      <c r="R510" s="15"/>
      <c r="S510" s="15"/>
      <c r="T510" s="56"/>
      <c r="U510" s="56"/>
      <c r="V510" s="56"/>
      <c r="W510" s="56"/>
      <c r="X510" s="56"/>
      <c r="Y510" s="56"/>
      <c r="Z510" s="56"/>
      <c r="AA510" s="56"/>
      <c r="AB510" s="56"/>
      <c r="AC510" s="56"/>
      <c r="AD510" s="56"/>
      <c r="AE510" s="56"/>
      <c r="AF510" s="56"/>
      <c r="AG510" s="56"/>
      <c r="AH510" s="56"/>
      <c r="AI510" s="56"/>
      <c r="AJ510" s="56"/>
      <c r="AK510" s="56"/>
      <c r="AL510" s="56"/>
      <c r="AM510" s="56"/>
      <c r="AN510" s="56"/>
      <c r="AO510" s="56"/>
      <c r="AP510" s="56"/>
      <c r="AQ510" s="56"/>
      <c r="AR510" s="56"/>
      <c r="AS510" s="56"/>
      <c r="AT510" s="56"/>
      <c r="AU510" s="56"/>
      <c r="AV510" s="56"/>
      <c r="AW510" s="56"/>
      <c r="AX510" s="56"/>
      <c r="AY510" s="56"/>
      <c r="AZ510" s="56"/>
      <c r="BA510" s="56"/>
    </row>
    <row r="511" spans="1:53" ht="15.75" customHeight="1">
      <c r="A511" s="56"/>
      <c r="B511" s="56"/>
      <c r="C511" s="56"/>
      <c r="D511" s="56"/>
      <c r="E511" s="56"/>
      <c r="F511" s="56"/>
      <c r="G511" s="56"/>
      <c r="H511" s="56"/>
      <c r="I511" s="56"/>
      <c r="J511" s="56"/>
      <c r="K511" s="56"/>
      <c r="L511" s="56"/>
      <c r="M511" s="56"/>
      <c r="N511" s="56"/>
      <c r="O511" s="56"/>
      <c r="P511" s="56"/>
      <c r="Q511" s="15"/>
      <c r="R511" s="15"/>
      <c r="S511" s="15"/>
      <c r="T511" s="56"/>
      <c r="U511" s="56"/>
      <c r="V511" s="56"/>
      <c r="W511" s="56"/>
      <c r="X511" s="56"/>
      <c r="Y511" s="56"/>
      <c r="Z511" s="56"/>
      <c r="AA511" s="56"/>
      <c r="AB511" s="56"/>
      <c r="AC511" s="56"/>
      <c r="AD511" s="56"/>
      <c r="AE511" s="56"/>
      <c r="AF511" s="56"/>
      <c r="AG511" s="56"/>
      <c r="AH511" s="56"/>
      <c r="AI511" s="56"/>
      <c r="AJ511" s="56"/>
      <c r="AK511" s="56"/>
      <c r="AL511" s="56"/>
      <c r="AM511" s="56"/>
      <c r="AN511" s="56"/>
      <c r="AO511" s="56"/>
      <c r="AP511" s="56"/>
      <c r="AQ511" s="56"/>
      <c r="AR511" s="56"/>
      <c r="AS511" s="56"/>
      <c r="AT511" s="56"/>
      <c r="AU511" s="56"/>
      <c r="AV511" s="56"/>
      <c r="AW511" s="56"/>
      <c r="AX511" s="56"/>
      <c r="AY511" s="56"/>
      <c r="AZ511" s="56"/>
      <c r="BA511" s="56"/>
    </row>
    <row r="512" spans="1:53" ht="15.75" customHeight="1">
      <c r="A512" s="56"/>
      <c r="B512" s="56"/>
      <c r="C512" s="56"/>
      <c r="D512" s="56"/>
      <c r="E512" s="56"/>
      <c r="F512" s="56"/>
      <c r="G512" s="56"/>
      <c r="H512" s="56"/>
      <c r="I512" s="56"/>
      <c r="J512" s="56"/>
      <c r="K512" s="56"/>
      <c r="L512" s="56"/>
      <c r="M512" s="56"/>
      <c r="N512" s="56"/>
      <c r="O512" s="56"/>
      <c r="P512" s="56"/>
      <c r="Q512" s="15"/>
      <c r="R512" s="15"/>
      <c r="S512" s="15"/>
      <c r="T512" s="56"/>
      <c r="U512" s="56"/>
      <c r="V512" s="56"/>
      <c r="W512" s="56"/>
      <c r="X512" s="56"/>
      <c r="Y512" s="56"/>
      <c r="Z512" s="56"/>
      <c r="AA512" s="56"/>
      <c r="AB512" s="56"/>
      <c r="AC512" s="56"/>
      <c r="AD512" s="56"/>
      <c r="AE512" s="56"/>
      <c r="AF512" s="56"/>
      <c r="AG512" s="56"/>
      <c r="AH512" s="56"/>
      <c r="AI512" s="56"/>
      <c r="AJ512" s="56"/>
      <c r="AK512" s="56"/>
      <c r="AL512" s="56"/>
      <c r="AM512" s="56"/>
      <c r="AN512" s="56"/>
      <c r="AO512" s="56"/>
      <c r="AP512" s="56"/>
      <c r="AQ512" s="56"/>
      <c r="AR512" s="56"/>
      <c r="AS512" s="56"/>
      <c r="AT512" s="56"/>
      <c r="AU512" s="56"/>
      <c r="AV512" s="56"/>
      <c r="AW512" s="56"/>
      <c r="AX512" s="56"/>
      <c r="AY512" s="56"/>
      <c r="AZ512" s="56"/>
      <c r="BA512" s="56"/>
    </row>
    <row r="513" spans="1:53" ht="15.75" customHeight="1">
      <c r="A513" s="56"/>
      <c r="B513" s="56"/>
      <c r="C513" s="56"/>
      <c r="D513" s="56"/>
      <c r="E513" s="56"/>
      <c r="F513" s="56"/>
      <c r="G513" s="56"/>
      <c r="H513" s="56"/>
      <c r="I513" s="56"/>
      <c r="J513" s="56"/>
      <c r="K513" s="56"/>
      <c r="L513" s="56"/>
      <c r="M513" s="56"/>
      <c r="N513" s="56"/>
      <c r="O513" s="56"/>
      <c r="P513" s="56"/>
      <c r="Q513" s="15"/>
      <c r="R513" s="15"/>
      <c r="S513" s="15"/>
      <c r="T513" s="56"/>
      <c r="U513" s="56"/>
      <c r="V513" s="56"/>
      <c r="W513" s="56"/>
      <c r="X513" s="56"/>
      <c r="Y513" s="56"/>
      <c r="Z513" s="56"/>
      <c r="AA513" s="56"/>
      <c r="AB513" s="56"/>
      <c r="AC513" s="56"/>
      <c r="AD513" s="56"/>
      <c r="AE513" s="56"/>
      <c r="AF513" s="56"/>
      <c r="AG513" s="56"/>
      <c r="AH513" s="56"/>
      <c r="AI513" s="56"/>
      <c r="AJ513" s="56"/>
      <c r="AK513" s="56"/>
      <c r="AL513" s="56"/>
      <c r="AM513" s="56"/>
      <c r="AN513" s="56"/>
      <c r="AO513" s="56"/>
      <c r="AP513" s="56"/>
      <c r="AQ513" s="56"/>
      <c r="AR513" s="56"/>
      <c r="AS513" s="56"/>
      <c r="AT513" s="56"/>
      <c r="AU513" s="56"/>
      <c r="AV513" s="56"/>
      <c r="AW513" s="56"/>
      <c r="AX513" s="56"/>
      <c r="AY513" s="56"/>
      <c r="AZ513" s="56"/>
      <c r="BA513" s="56"/>
    </row>
    <row r="514" spans="1:53" ht="15.75" customHeight="1">
      <c r="A514" s="56"/>
      <c r="B514" s="56"/>
      <c r="C514" s="56"/>
      <c r="D514" s="56"/>
      <c r="E514" s="56"/>
      <c r="F514" s="56"/>
      <c r="G514" s="56"/>
      <c r="H514" s="56"/>
      <c r="I514" s="56"/>
      <c r="J514" s="56"/>
      <c r="K514" s="56"/>
      <c r="L514" s="56"/>
      <c r="M514" s="56"/>
      <c r="N514" s="56"/>
      <c r="O514" s="56"/>
      <c r="P514" s="56"/>
      <c r="Q514" s="15"/>
      <c r="R514" s="15"/>
      <c r="S514" s="15"/>
      <c r="T514" s="56"/>
      <c r="U514" s="56"/>
      <c r="V514" s="56"/>
      <c r="W514" s="56"/>
      <c r="X514" s="56"/>
      <c r="Y514" s="56"/>
      <c r="Z514" s="56"/>
      <c r="AA514" s="56"/>
      <c r="AB514" s="56"/>
      <c r="AC514" s="56"/>
      <c r="AD514" s="56"/>
      <c r="AE514" s="56"/>
      <c r="AF514" s="56"/>
      <c r="AG514" s="56"/>
      <c r="AH514" s="56"/>
      <c r="AI514" s="56"/>
      <c r="AJ514" s="56"/>
      <c r="AK514" s="56"/>
      <c r="AL514" s="56"/>
      <c r="AM514" s="56"/>
      <c r="AN514" s="56"/>
      <c r="AO514" s="56"/>
      <c r="AP514" s="56"/>
      <c r="AQ514" s="56"/>
      <c r="AR514" s="56"/>
      <c r="AS514" s="56"/>
      <c r="AT514" s="56"/>
      <c r="AU514" s="56"/>
      <c r="AV514" s="56"/>
      <c r="AW514" s="56"/>
      <c r="AX514" s="56"/>
      <c r="AY514" s="56"/>
      <c r="AZ514" s="56"/>
      <c r="BA514" s="56"/>
    </row>
    <row r="515" spans="1:53" ht="15.75" customHeight="1">
      <c r="A515" s="56"/>
      <c r="B515" s="56"/>
      <c r="C515" s="56"/>
      <c r="D515" s="56"/>
      <c r="E515" s="56"/>
      <c r="F515" s="56"/>
      <c r="G515" s="56"/>
      <c r="H515" s="56"/>
      <c r="I515" s="56"/>
      <c r="J515" s="56"/>
      <c r="K515" s="56"/>
      <c r="L515" s="56"/>
      <c r="M515" s="56"/>
      <c r="N515" s="56"/>
      <c r="O515" s="56"/>
      <c r="P515" s="56"/>
      <c r="Q515" s="15"/>
      <c r="R515" s="15"/>
      <c r="S515" s="15"/>
      <c r="T515" s="56"/>
      <c r="U515" s="56"/>
      <c r="V515" s="56"/>
      <c r="W515" s="56"/>
      <c r="X515" s="56"/>
      <c r="Y515" s="56"/>
      <c r="Z515" s="56"/>
      <c r="AA515" s="56"/>
      <c r="AB515" s="56"/>
      <c r="AC515" s="56"/>
      <c r="AD515" s="56"/>
      <c r="AE515" s="56"/>
      <c r="AF515" s="56"/>
      <c r="AG515" s="56"/>
      <c r="AH515" s="56"/>
      <c r="AI515" s="56"/>
      <c r="AJ515" s="56"/>
      <c r="AK515" s="56"/>
      <c r="AL515" s="56"/>
      <c r="AM515" s="56"/>
      <c r="AN515" s="56"/>
      <c r="AO515" s="56"/>
      <c r="AP515" s="56"/>
      <c r="AQ515" s="56"/>
      <c r="AR515" s="56"/>
      <c r="AS515" s="56"/>
      <c r="AT515" s="56"/>
      <c r="AU515" s="56"/>
      <c r="AV515" s="56"/>
      <c r="AW515" s="56"/>
      <c r="AX515" s="56"/>
      <c r="AY515" s="56"/>
      <c r="AZ515" s="56"/>
      <c r="BA515" s="56"/>
    </row>
    <row r="516" spans="1:53" ht="15.75" customHeight="1">
      <c r="A516" s="56"/>
      <c r="B516" s="56"/>
      <c r="C516" s="56"/>
      <c r="D516" s="56"/>
      <c r="E516" s="56"/>
      <c r="F516" s="56"/>
      <c r="G516" s="56"/>
      <c r="H516" s="56"/>
      <c r="I516" s="56"/>
      <c r="J516" s="56"/>
      <c r="K516" s="56"/>
      <c r="L516" s="56"/>
      <c r="M516" s="56"/>
      <c r="N516" s="56"/>
      <c r="O516" s="56"/>
      <c r="P516" s="56"/>
      <c r="Q516" s="15"/>
      <c r="R516" s="15"/>
      <c r="S516" s="15"/>
      <c r="T516" s="56"/>
      <c r="U516" s="56"/>
      <c r="V516" s="56"/>
      <c r="W516" s="56"/>
      <c r="X516" s="56"/>
      <c r="Y516" s="56"/>
      <c r="Z516" s="56"/>
      <c r="AA516" s="56"/>
      <c r="AB516" s="56"/>
      <c r="AC516" s="56"/>
      <c r="AD516" s="56"/>
      <c r="AE516" s="56"/>
      <c r="AF516" s="56"/>
      <c r="AG516" s="56"/>
      <c r="AH516" s="56"/>
      <c r="AI516" s="56"/>
      <c r="AJ516" s="56"/>
      <c r="AK516" s="56"/>
      <c r="AL516" s="56"/>
      <c r="AM516" s="56"/>
      <c r="AN516" s="56"/>
      <c r="AO516" s="56"/>
      <c r="AP516" s="56"/>
      <c r="AQ516" s="56"/>
      <c r="AR516" s="56"/>
      <c r="AS516" s="56"/>
      <c r="AT516" s="56"/>
      <c r="AU516" s="56"/>
      <c r="AV516" s="56"/>
      <c r="AW516" s="56"/>
      <c r="AX516" s="56"/>
      <c r="AY516" s="56"/>
      <c r="AZ516" s="56"/>
      <c r="BA516" s="56"/>
    </row>
    <row r="517" spans="1:53" ht="15.75" customHeight="1">
      <c r="A517" s="56"/>
      <c r="B517" s="56"/>
      <c r="C517" s="56"/>
      <c r="D517" s="56"/>
      <c r="E517" s="56"/>
      <c r="F517" s="56"/>
      <c r="G517" s="56"/>
      <c r="H517" s="56"/>
      <c r="I517" s="56"/>
      <c r="J517" s="56"/>
      <c r="K517" s="56"/>
      <c r="L517" s="56"/>
      <c r="M517" s="56"/>
      <c r="N517" s="56"/>
      <c r="O517" s="56"/>
      <c r="P517" s="56"/>
      <c r="Q517" s="15"/>
      <c r="R517" s="15"/>
      <c r="S517" s="15"/>
      <c r="T517" s="56"/>
      <c r="U517" s="56"/>
      <c r="V517" s="56"/>
      <c r="W517" s="56"/>
      <c r="X517" s="56"/>
      <c r="Y517" s="56"/>
      <c r="Z517" s="56"/>
      <c r="AA517" s="56"/>
      <c r="AB517" s="56"/>
      <c r="AC517" s="56"/>
      <c r="AD517" s="56"/>
      <c r="AE517" s="56"/>
      <c r="AF517" s="56"/>
      <c r="AG517" s="56"/>
      <c r="AH517" s="56"/>
      <c r="AI517" s="56"/>
      <c r="AJ517" s="56"/>
      <c r="AK517" s="56"/>
      <c r="AL517" s="56"/>
      <c r="AM517" s="56"/>
      <c r="AN517" s="56"/>
      <c r="AO517" s="56"/>
      <c r="AP517" s="56"/>
      <c r="AQ517" s="56"/>
      <c r="AR517" s="56"/>
      <c r="AS517" s="56"/>
      <c r="AT517" s="56"/>
      <c r="AU517" s="56"/>
      <c r="AV517" s="56"/>
      <c r="AW517" s="56"/>
      <c r="AX517" s="56"/>
      <c r="AY517" s="56"/>
      <c r="AZ517" s="56"/>
      <c r="BA517" s="56"/>
    </row>
    <row r="518" spans="1:53" ht="15.75" customHeight="1">
      <c r="A518" s="56"/>
      <c r="B518" s="56"/>
      <c r="C518" s="56"/>
      <c r="D518" s="56"/>
      <c r="E518" s="56"/>
      <c r="F518" s="56"/>
      <c r="G518" s="56"/>
      <c r="H518" s="56"/>
      <c r="I518" s="56"/>
      <c r="J518" s="56"/>
      <c r="K518" s="56"/>
      <c r="L518" s="56"/>
      <c r="M518" s="56"/>
      <c r="N518" s="56"/>
      <c r="O518" s="56"/>
      <c r="P518" s="56"/>
      <c r="Q518" s="15"/>
      <c r="R518" s="15"/>
      <c r="S518" s="15"/>
      <c r="T518" s="56"/>
      <c r="U518" s="56"/>
      <c r="V518" s="56"/>
      <c r="W518" s="56"/>
      <c r="X518" s="56"/>
      <c r="Y518" s="56"/>
      <c r="Z518" s="56"/>
      <c r="AA518" s="56"/>
      <c r="AB518" s="56"/>
      <c r="AC518" s="56"/>
      <c r="AD518" s="56"/>
      <c r="AE518" s="56"/>
      <c r="AF518" s="56"/>
      <c r="AG518" s="56"/>
      <c r="AH518" s="56"/>
      <c r="AI518" s="56"/>
      <c r="AJ518" s="56"/>
      <c r="AK518" s="56"/>
      <c r="AL518" s="56"/>
      <c r="AM518" s="56"/>
      <c r="AN518" s="56"/>
      <c r="AO518" s="56"/>
      <c r="AP518" s="56"/>
      <c r="AQ518" s="56"/>
      <c r="AR518" s="56"/>
      <c r="AS518" s="56"/>
      <c r="AT518" s="56"/>
      <c r="AU518" s="56"/>
      <c r="AV518" s="56"/>
      <c r="AW518" s="56"/>
      <c r="AX518" s="56"/>
      <c r="AY518" s="56"/>
      <c r="AZ518" s="56"/>
      <c r="BA518" s="56"/>
    </row>
    <row r="519" spans="1:53" ht="15.75" customHeight="1">
      <c r="A519" s="56"/>
      <c r="B519" s="56"/>
      <c r="C519" s="56"/>
      <c r="D519" s="56"/>
      <c r="E519" s="56"/>
      <c r="F519" s="56"/>
      <c r="G519" s="56"/>
      <c r="H519" s="56"/>
      <c r="I519" s="56"/>
      <c r="J519" s="56"/>
      <c r="K519" s="56"/>
      <c r="L519" s="56"/>
      <c r="M519" s="56"/>
      <c r="N519" s="56"/>
      <c r="O519" s="56"/>
      <c r="P519" s="56"/>
      <c r="Q519" s="15"/>
      <c r="R519" s="15"/>
      <c r="S519" s="15"/>
      <c r="T519" s="56"/>
      <c r="U519" s="56"/>
      <c r="V519" s="56"/>
      <c r="W519" s="56"/>
      <c r="X519" s="56"/>
      <c r="Y519" s="56"/>
      <c r="Z519" s="56"/>
      <c r="AA519" s="56"/>
      <c r="AB519" s="56"/>
      <c r="AC519" s="56"/>
      <c r="AD519" s="56"/>
      <c r="AE519" s="56"/>
      <c r="AF519" s="56"/>
      <c r="AG519" s="56"/>
      <c r="AH519" s="56"/>
      <c r="AI519" s="56"/>
      <c r="AJ519" s="56"/>
      <c r="AK519" s="56"/>
      <c r="AL519" s="56"/>
      <c r="AM519" s="56"/>
      <c r="AN519" s="56"/>
      <c r="AO519" s="56"/>
      <c r="AP519" s="56"/>
      <c r="AQ519" s="56"/>
      <c r="AR519" s="56"/>
      <c r="AS519" s="56"/>
      <c r="AT519" s="56"/>
      <c r="AU519" s="56"/>
      <c r="AV519" s="56"/>
      <c r="AW519" s="56"/>
      <c r="AX519" s="56"/>
      <c r="AY519" s="56"/>
      <c r="AZ519" s="56"/>
      <c r="BA519" s="56"/>
    </row>
    <row r="520" spans="1:53" ht="15.75" customHeight="1">
      <c r="A520" s="56"/>
      <c r="B520" s="56"/>
      <c r="C520" s="56"/>
      <c r="D520" s="56"/>
      <c r="E520" s="56"/>
      <c r="F520" s="56"/>
      <c r="G520" s="56"/>
      <c r="H520" s="56"/>
      <c r="I520" s="56"/>
      <c r="J520" s="56"/>
      <c r="K520" s="56"/>
      <c r="L520" s="56"/>
      <c r="M520" s="56"/>
      <c r="N520" s="56"/>
      <c r="O520" s="56"/>
      <c r="P520" s="56"/>
      <c r="Q520" s="15"/>
      <c r="R520" s="15"/>
      <c r="S520" s="15"/>
      <c r="T520" s="56"/>
      <c r="U520" s="56"/>
      <c r="V520" s="56"/>
      <c r="W520" s="56"/>
      <c r="X520" s="56"/>
      <c r="Y520" s="56"/>
      <c r="Z520" s="56"/>
      <c r="AA520" s="56"/>
      <c r="AB520" s="56"/>
      <c r="AC520" s="56"/>
      <c r="AD520" s="56"/>
      <c r="AE520" s="56"/>
      <c r="AF520" s="56"/>
      <c r="AG520" s="56"/>
      <c r="AH520" s="56"/>
      <c r="AI520" s="56"/>
      <c r="AJ520" s="56"/>
      <c r="AK520" s="56"/>
      <c r="AL520" s="56"/>
      <c r="AM520" s="56"/>
      <c r="AN520" s="56"/>
      <c r="AO520" s="56"/>
      <c r="AP520" s="56"/>
      <c r="AQ520" s="56"/>
      <c r="AR520" s="56"/>
      <c r="AS520" s="56"/>
      <c r="AT520" s="56"/>
      <c r="AU520" s="56"/>
      <c r="AV520" s="56"/>
      <c r="AW520" s="56"/>
      <c r="AX520" s="56"/>
      <c r="AY520" s="56"/>
      <c r="AZ520" s="56"/>
      <c r="BA520" s="56"/>
    </row>
    <row r="521" spans="1:53" ht="15.75" customHeight="1">
      <c r="A521" s="56"/>
      <c r="B521" s="56"/>
      <c r="C521" s="56"/>
      <c r="D521" s="56"/>
      <c r="E521" s="56"/>
      <c r="F521" s="56"/>
      <c r="G521" s="56"/>
      <c r="H521" s="56"/>
      <c r="I521" s="56"/>
      <c r="J521" s="56"/>
      <c r="K521" s="56"/>
      <c r="L521" s="56"/>
      <c r="M521" s="56"/>
      <c r="N521" s="56"/>
      <c r="O521" s="56"/>
      <c r="P521" s="56"/>
      <c r="Q521" s="15"/>
      <c r="R521" s="15"/>
      <c r="S521" s="15"/>
      <c r="T521" s="56"/>
      <c r="U521" s="56"/>
      <c r="V521" s="56"/>
      <c r="W521" s="56"/>
      <c r="X521" s="56"/>
      <c r="Y521" s="56"/>
      <c r="Z521" s="56"/>
      <c r="AA521" s="56"/>
      <c r="AB521" s="56"/>
      <c r="AC521" s="56"/>
      <c r="AD521" s="56"/>
      <c r="AE521" s="56"/>
      <c r="AF521" s="56"/>
      <c r="AG521" s="56"/>
      <c r="AH521" s="56"/>
      <c r="AI521" s="56"/>
      <c r="AJ521" s="56"/>
      <c r="AK521" s="56"/>
      <c r="AL521" s="56"/>
      <c r="AM521" s="56"/>
      <c r="AN521" s="56"/>
      <c r="AO521" s="56"/>
      <c r="AP521" s="56"/>
      <c r="AQ521" s="56"/>
      <c r="AR521" s="56"/>
      <c r="AS521" s="56"/>
      <c r="AT521" s="56"/>
      <c r="AU521" s="56"/>
      <c r="AV521" s="56"/>
      <c r="AW521" s="56"/>
      <c r="AX521" s="56"/>
      <c r="AY521" s="56"/>
      <c r="AZ521" s="56"/>
      <c r="BA521" s="56"/>
    </row>
    <row r="522" spans="1:53" ht="15.75" customHeight="1">
      <c r="A522" s="56"/>
      <c r="B522" s="56"/>
      <c r="C522" s="56"/>
      <c r="D522" s="56"/>
      <c r="E522" s="56"/>
      <c r="F522" s="56"/>
      <c r="G522" s="56"/>
      <c r="H522" s="56"/>
      <c r="I522" s="56"/>
      <c r="J522" s="56"/>
      <c r="K522" s="56"/>
      <c r="L522" s="56"/>
      <c r="M522" s="56"/>
      <c r="N522" s="56"/>
      <c r="O522" s="56"/>
      <c r="P522" s="56"/>
      <c r="Q522" s="15"/>
      <c r="R522" s="15"/>
      <c r="S522" s="15"/>
      <c r="T522" s="56"/>
      <c r="U522" s="56"/>
      <c r="V522" s="56"/>
      <c r="W522" s="56"/>
      <c r="X522" s="56"/>
      <c r="Y522" s="56"/>
      <c r="Z522" s="56"/>
      <c r="AA522" s="56"/>
      <c r="AB522" s="56"/>
      <c r="AC522" s="56"/>
      <c r="AD522" s="56"/>
      <c r="AE522" s="56"/>
      <c r="AF522" s="56"/>
      <c r="AG522" s="56"/>
      <c r="AH522" s="56"/>
      <c r="AI522" s="56"/>
      <c r="AJ522" s="56"/>
      <c r="AK522" s="56"/>
      <c r="AL522" s="56"/>
      <c r="AM522" s="56"/>
      <c r="AN522" s="56"/>
      <c r="AO522" s="56"/>
      <c r="AP522" s="56"/>
      <c r="AQ522" s="56"/>
      <c r="AR522" s="56"/>
      <c r="AS522" s="56"/>
      <c r="AT522" s="56"/>
      <c r="AU522" s="56"/>
      <c r="AV522" s="56"/>
      <c r="AW522" s="56"/>
      <c r="AX522" s="56"/>
      <c r="AY522" s="56"/>
      <c r="AZ522" s="56"/>
      <c r="BA522" s="56"/>
    </row>
    <row r="523" spans="1:53" ht="15.75" customHeight="1">
      <c r="B523" s="56"/>
      <c r="C523" s="56"/>
      <c r="D523" s="56"/>
      <c r="E523" s="56"/>
      <c r="F523" s="56"/>
      <c r="G523" s="56"/>
      <c r="H523" s="56"/>
      <c r="I523" s="56"/>
      <c r="J523" s="56"/>
      <c r="K523" s="56"/>
      <c r="L523" s="56"/>
      <c r="M523" s="56"/>
      <c r="N523" s="56"/>
      <c r="O523" s="56"/>
      <c r="P523" s="56"/>
      <c r="Q523" s="15"/>
      <c r="R523" s="15"/>
      <c r="S523" s="15"/>
      <c r="T523" s="56"/>
      <c r="U523" s="56"/>
      <c r="V523" s="56"/>
      <c r="W523" s="56"/>
      <c r="X523" s="56"/>
      <c r="Y523" s="56"/>
      <c r="Z523" s="56"/>
      <c r="AA523" s="56"/>
      <c r="AB523" s="56"/>
      <c r="AC523" s="56"/>
      <c r="AD523" s="56"/>
      <c r="AE523" s="56"/>
      <c r="AF523" s="56"/>
      <c r="AG523" s="56"/>
      <c r="AH523" s="56"/>
      <c r="AI523" s="56"/>
      <c r="AJ523" s="56"/>
      <c r="AK523" s="56"/>
      <c r="AL523" s="56"/>
      <c r="AM523" s="56"/>
      <c r="AN523" s="56"/>
      <c r="AO523" s="56"/>
      <c r="AP523" s="56"/>
      <c r="AQ523" s="56"/>
      <c r="AR523" s="56"/>
      <c r="AS523" s="56"/>
      <c r="AT523" s="56"/>
      <c r="AU523" s="56"/>
      <c r="AV523" s="56"/>
      <c r="AW523" s="56"/>
      <c r="AX523" s="56"/>
      <c r="AY523" s="56"/>
      <c r="AZ523" s="56"/>
      <c r="BA523" s="56"/>
    </row>
    <row r="524" spans="1:53" ht="15.75" customHeight="1">
      <c r="B524" s="56"/>
      <c r="C524" s="56"/>
      <c r="D524" s="56"/>
      <c r="E524" s="56"/>
      <c r="F524" s="56"/>
      <c r="G524" s="56"/>
      <c r="H524" s="56"/>
      <c r="I524" s="56"/>
      <c r="J524" s="56"/>
      <c r="K524" s="56"/>
      <c r="L524" s="56"/>
      <c r="M524" s="56"/>
      <c r="N524" s="56"/>
      <c r="O524" s="56"/>
      <c r="P524" s="56"/>
      <c r="Q524" s="15"/>
      <c r="R524" s="15"/>
      <c r="S524" s="15"/>
      <c r="T524" s="56"/>
      <c r="U524" s="56"/>
      <c r="V524" s="56"/>
      <c r="W524" s="56"/>
      <c r="X524" s="56"/>
      <c r="Y524" s="56"/>
      <c r="Z524" s="56"/>
      <c r="AA524" s="56"/>
      <c r="AB524" s="56"/>
      <c r="AC524" s="56"/>
      <c r="AD524" s="56"/>
      <c r="AE524" s="56"/>
      <c r="AF524" s="56"/>
      <c r="AG524" s="56"/>
      <c r="AH524" s="56"/>
      <c r="AI524" s="56"/>
      <c r="AJ524" s="56"/>
      <c r="AK524" s="56"/>
      <c r="AL524" s="56"/>
      <c r="AM524" s="56"/>
      <c r="AN524" s="56"/>
      <c r="AO524" s="56"/>
      <c r="AP524" s="56"/>
      <c r="AQ524" s="56"/>
      <c r="AR524" s="56"/>
      <c r="AS524" s="56"/>
      <c r="AT524" s="56"/>
      <c r="AU524" s="56"/>
      <c r="AV524" s="56"/>
      <c r="AW524" s="56"/>
      <c r="AX524" s="56"/>
      <c r="AY524" s="56"/>
      <c r="AZ524" s="56"/>
      <c r="BA524" s="56"/>
    </row>
    <row r="525" spans="1:53" ht="15.75" customHeight="1">
      <c r="B525" s="56"/>
      <c r="C525" s="56"/>
      <c r="D525" s="56"/>
      <c r="E525" s="56"/>
      <c r="F525" s="56"/>
      <c r="G525" s="56"/>
      <c r="H525" s="56"/>
      <c r="I525" s="56"/>
      <c r="J525" s="56"/>
      <c r="K525" s="56"/>
      <c r="L525" s="56"/>
      <c r="M525" s="56"/>
      <c r="N525" s="56"/>
      <c r="O525" s="56"/>
      <c r="P525" s="56"/>
      <c r="Q525" s="15"/>
      <c r="R525" s="15"/>
      <c r="S525" s="15"/>
      <c r="T525" s="56"/>
      <c r="U525" s="56"/>
      <c r="V525" s="56"/>
      <c r="W525" s="56"/>
      <c r="X525" s="56"/>
      <c r="Y525" s="56"/>
      <c r="Z525" s="56"/>
      <c r="AA525" s="56"/>
      <c r="AB525" s="56"/>
      <c r="AC525" s="56"/>
      <c r="AD525" s="56"/>
      <c r="AE525" s="56"/>
      <c r="AF525" s="56"/>
      <c r="AG525" s="56"/>
      <c r="AH525" s="56"/>
      <c r="AI525" s="56"/>
      <c r="AJ525" s="56"/>
      <c r="AK525" s="56"/>
      <c r="AL525" s="56"/>
      <c r="AM525" s="56"/>
      <c r="AN525" s="56"/>
      <c r="AO525" s="56"/>
      <c r="AP525" s="56"/>
      <c r="AQ525" s="56"/>
      <c r="AR525" s="56"/>
      <c r="AS525" s="56"/>
      <c r="AT525" s="56"/>
      <c r="AU525" s="56"/>
      <c r="AV525" s="56"/>
      <c r="AW525" s="56"/>
      <c r="AX525" s="56"/>
      <c r="AY525" s="56"/>
      <c r="AZ525" s="56"/>
      <c r="BA525" s="56"/>
    </row>
  </sheetData>
  <autoFilter ref="A3:FR166" xr:uid="{B29F0EF1-AF3E-47B3-A5B3-55BCB34C9A0C}"/>
  <mergeCells count="10">
    <mergeCell ref="AH2:AQ2"/>
    <mergeCell ref="AS2:AT2"/>
    <mergeCell ref="AU2:AV2"/>
    <mergeCell ref="AW2:AZ2"/>
    <mergeCell ref="A1:F1"/>
    <mergeCell ref="J2:P2"/>
    <mergeCell ref="Q2:S2"/>
    <mergeCell ref="T2:W2"/>
    <mergeCell ref="X2:AG2"/>
    <mergeCell ref="G1:L1"/>
  </mergeCells>
  <phoneticPr fontId="5"/>
  <conditionalFormatting sqref="B46">
    <cfRule type="duplicateValues" dxfId="2" priority="3"/>
  </conditionalFormatting>
  <conditionalFormatting sqref="AS2:AS9 AS11:AS21 AS23:AS30 AS34:AS38 AS41 AS43 AS45 AS48:AS50 AS53:AS55 AS58:AS59 AS62 AS64 CT167">
    <cfRule type="cellIs" dxfId="1" priority="4" operator="equal">
      <formula>"必要"</formula>
    </cfRule>
  </conditionalFormatting>
  <conditionalFormatting sqref="AS169:AS525">
    <cfRule type="cellIs" dxfId="0" priority="1" operator="equal">
      <formula>"必要"</formula>
    </cfRule>
  </conditionalFormatting>
  <hyperlinks>
    <hyperlink ref="AV162" r:id="rId1" xr:uid="{03426988-21F1-42D1-BAD4-97838DEB9222}"/>
    <hyperlink ref="N163" r:id="rId2" xr:uid="{09F0A59F-FAA2-43F3-927B-82732DB34C72}"/>
    <hyperlink ref="AR163" r:id="rId3" xr:uid="{BBC1DC47-90B2-4F2E-AD90-B6F3B569CFD7}"/>
    <hyperlink ref="AT163" r:id="rId4" xr:uid="{5D3E0874-E5B2-46A3-94AB-B6F859A7606B}"/>
    <hyperlink ref="AR148" r:id="rId5" xr:uid="{71E6A7A4-0F91-478B-94D8-9476ED227D26}"/>
    <hyperlink ref="AR69" r:id="rId6" xr:uid="{8F2C46AC-6E5E-4F2A-960E-E413E12D4677}"/>
    <hyperlink ref="AR32" r:id="rId7" xr:uid="{8414B5C9-0181-44AD-88B4-CB28903E9855}"/>
    <hyperlink ref="H32" r:id="rId8" xr:uid="{7B00E2E0-5362-419D-9146-76E355561336}"/>
    <hyperlink ref="AV128" r:id="rId9" display="https://www.paris-belleville.archi.fr/acteurs/etudiants/logements/" xr:uid="{45F0F969-8879-4D96-B1A7-39875EF99BA4}"/>
    <hyperlink ref="AR128" r:id="rId10" display="https://www.paris-belleville.archi.fr/" xr:uid="{A648E24E-B0EF-4147-AA1B-10B14AC9983A}"/>
    <hyperlink ref="H128" r:id="rId11" xr:uid="{D2AFD3AF-EF95-4041-8639-463BF11B5B95}"/>
    <hyperlink ref="H162" r:id="rId12" xr:uid="{7DAC346E-D57E-40C4-B5D9-0A644AC17EE8}"/>
    <hyperlink ref="H156" r:id="rId13" xr:uid="{ECD9293C-FAC1-4EDA-B87D-CF2D00A3E8A0}"/>
    <hyperlink ref="H69" r:id="rId14" xr:uid="{DFC649B4-26AC-49B3-A950-ADB5D621998F}"/>
    <hyperlink ref="H154" r:id="rId15" display="https://sites.google.com/up.edu.mx/ia-incoming/up-academic-offer?authuser=0" xr:uid="{F6C589AE-4BB2-433E-BD2D-38FEC6DF4B98}"/>
    <hyperlink ref="H148" r:id="rId16" xr:uid="{E13BE719-24DA-43D2-923B-1F5EC68DC8B1}"/>
    <hyperlink ref="H149" r:id="rId17" xr:uid="{15B438BD-3FD1-4C81-8C35-56BCFE2E4BC1}"/>
    <hyperlink ref="AR154" r:id="rId18" xr:uid="{76A75D46-CE79-47C4-A291-13CF0A7B408C}"/>
    <hyperlink ref="H18" r:id="rId19" display="fengclk@ku.ac.th" xr:uid="{CB8796E4-2860-4B9A-8169-1FA7802BEBFD}"/>
  </hyperlinks>
  <pageMargins left="0.7" right="0.7" top="0.75" bottom="0.75" header="0.3" footer="0.3"/>
  <ignoredErrors>
    <ignoredError sqref="A8:A9 A14 A17 A93 A119" numberStoredAsText="1"/>
  </ignoredErrors>
  <legacyDrawing r:id="rId2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授業履修型</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岡田　暢子</dc:creator>
  <cp:lastModifiedBy>宮坂　勇也(MIYASAKA Yuya)</cp:lastModifiedBy>
  <dcterms:created xsi:type="dcterms:W3CDTF">2025-10-23T01:57:22Z</dcterms:created>
  <dcterms:modified xsi:type="dcterms:W3CDTF">2025-12-22T07:24:46Z</dcterms:modified>
</cp:coreProperties>
</file>